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932"/>
  <workbookPr codeName="ThisWorkbook" defaultThemeVersion="124226"/>
  <mc:AlternateContent xmlns:mc="http://schemas.openxmlformats.org/markup-compatibility/2006">
    <mc:Choice Requires="x15">
      <x15ac:absPath xmlns:x15ac="http://schemas.microsoft.com/office/spreadsheetml/2010/11/ac" url="J:\s1\管理係\04_厚生\05_介護保険\05_事業者\0110_地域介護・福祉空間整備等施設整備交付金\R7二次協議\00国からの通知\"/>
    </mc:Choice>
  </mc:AlternateContent>
  <xr:revisionPtr revIDLastSave="0" documentId="8_{8A561584-72E3-4944-AA49-BEB186A50A1D}" xr6:coauthVersionLast="47" xr6:coauthVersionMax="47" xr10:uidLastSave="{00000000-0000-0000-0000-000000000000}"/>
  <bookViews>
    <workbookView xWindow="-120" yWindow="-120" windowWidth="29040" windowHeight="15720" firstSheet="1" activeTab="1" xr2:uid="{00000000-000D-0000-FFFF-FFFF00000000}"/>
  </bookViews>
  <sheets>
    <sheet name="202512_別紙様式第１号（市町村計画））（新）" sheetId="81" r:id="rId1"/>
    <sheet name="202512_別紙様式第２号（都道府県計画））（新）" sheetId="80" r:id="rId2"/>
    <sheet name="（参考）対象施設【市町村計画】" sheetId="82" r:id="rId3"/>
    <sheet name="（参考）対象施設【都道府県計画】" sheetId="83" r:id="rId4"/>
  </sheets>
  <definedNames>
    <definedName name="_xlnm.Print_Area" localSheetId="0">'202512_別紙様式第１号（市町村計画））（新）'!$A$1:$BF$120</definedName>
    <definedName name="_xlnm.Print_Area" localSheetId="1">'202512_別紙様式第２号（都道府県計画））（新）'!$A$1:$BF$119</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445" uniqueCount="130">
  <si>
    <t>別紙様式第１号</t>
    <phoneticPr fontId="2"/>
  </si>
  <si>
    <t>計画名称</t>
    <rPh sb="0" eb="2">
      <t>ケイカク</t>
    </rPh>
    <rPh sb="2" eb="4">
      <t>メイショウ</t>
    </rPh>
    <phoneticPr fontId="2"/>
  </si>
  <si>
    <t>都道府県名</t>
    <rPh sb="0" eb="4">
      <t>トドウフケン</t>
    </rPh>
    <rPh sb="4" eb="5">
      <t>メイ</t>
    </rPh>
    <phoneticPr fontId="2"/>
  </si>
  <si>
    <t>市町村名</t>
    <rPh sb="0" eb="3">
      <t>シチョウソン</t>
    </rPh>
    <rPh sb="3" eb="4">
      <t>メイ</t>
    </rPh>
    <phoneticPr fontId="2"/>
  </si>
  <si>
    <t>１．防災・減災等の事業を行うための基盤整備に関する目標</t>
    <rPh sb="9" eb="11">
      <t>ジギョウ</t>
    </rPh>
    <rPh sb="12" eb="13">
      <t>オコナ</t>
    </rPh>
    <rPh sb="17" eb="19">
      <t>キバン</t>
    </rPh>
    <rPh sb="19" eb="21">
      <t>セイビ</t>
    </rPh>
    <rPh sb="22" eb="23">
      <t>カン</t>
    </rPh>
    <rPh sb="25" eb="27">
      <t>モクヒョウ</t>
    </rPh>
    <phoneticPr fontId="2"/>
  </si>
  <si>
    <t>(単位：千円）</t>
    <rPh sb="1" eb="3">
      <t>タンイ</t>
    </rPh>
    <rPh sb="4" eb="6">
      <t>センエン</t>
    </rPh>
    <phoneticPr fontId="2"/>
  </si>
  <si>
    <t>スプリンクラー設備等を設置する施設の種類</t>
    <rPh sb="7" eb="9">
      <t>セツビ</t>
    </rPh>
    <rPh sb="9" eb="10">
      <t>トウ</t>
    </rPh>
    <rPh sb="11" eb="13">
      <t>セッチ</t>
    </rPh>
    <rPh sb="15" eb="17">
      <t>シセツ</t>
    </rPh>
    <rPh sb="18" eb="20">
      <t>シュルイ</t>
    </rPh>
    <phoneticPr fontId="2"/>
  </si>
  <si>
    <t>施設の名称
及び
設置主体</t>
    <rPh sb="0" eb="2">
      <t>シセツ</t>
    </rPh>
    <rPh sb="3" eb="5">
      <t>メイショウ</t>
    </rPh>
    <rPh sb="6" eb="7">
      <t>オヨ</t>
    </rPh>
    <rPh sb="9" eb="11">
      <t>セッチ</t>
    </rPh>
    <rPh sb="11" eb="13">
      <t>シュタイ</t>
    </rPh>
    <phoneticPr fontId="2"/>
  </si>
  <si>
    <t>開設年月日</t>
    <rPh sb="0" eb="2">
      <t>カイセツ</t>
    </rPh>
    <rPh sb="2" eb="5">
      <t>ネンガッピ</t>
    </rPh>
    <phoneticPr fontId="2"/>
  </si>
  <si>
    <t>定員数
（人）</t>
    <rPh sb="0" eb="2">
      <t>テイイン</t>
    </rPh>
    <rPh sb="2" eb="3">
      <t>スウ</t>
    </rPh>
    <rPh sb="5" eb="6">
      <t>ニン</t>
    </rPh>
    <phoneticPr fontId="2"/>
  </si>
  <si>
    <t>補助対象
床面積
（㎡）</t>
    <rPh sb="0" eb="2">
      <t>ホジョ</t>
    </rPh>
    <rPh sb="2" eb="4">
      <t>タイショウ</t>
    </rPh>
    <rPh sb="5" eb="6">
      <t>ユカ</t>
    </rPh>
    <rPh sb="6" eb="8">
      <t>メンセキ</t>
    </rPh>
    <phoneticPr fontId="2"/>
  </si>
  <si>
    <t>交付基準単価</t>
    <rPh sb="0" eb="2">
      <t>コウフ</t>
    </rPh>
    <rPh sb="2" eb="4">
      <t>キジュン</t>
    </rPh>
    <rPh sb="4" eb="6">
      <t>タンカ</t>
    </rPh>
    <phoneticPr fontId="2"/>
  </si>
  <si>
    <t>国土強靭化地域計画への記載</t>
    <phoneticPr fontId="2"/>
  </si>
  <si>
    <t>算定基準に
よる算定額</t>
    <rPh sb="0" eb="2">
      <t>サンテイ</t>
    </rPh>
    <rPh sb="2" eb="4">
      <t>キジュン</t>
    </rPh>
    <rPh sb="8" eb="11">
      <t>サンテイガク</t>
    </rPh>
    <phoneticPr fontId="2"/>
  </si>
  <si>
    <t>対象経費の
実支出
（予定）額</t>
    <rPh sb="0" eb="2">
      <t>タイショウ</t>
    </rPh>
    <rPh sb="2" eb="4">
      <t>ケイヒ</t>
    </rPh>
    <rPh sb="6" eb="7">
      <t>ジツ</t>
    </rPh>
    <rPh sb="7" eb="9">
      <t>シシュツ</t>
    </rPh>
    <rPh sb="11" eb="13">
      <t>ヨテイ</t>
    </rPh>
    <rPh sb="14" eb="15">
      <t>ガク</t>
    </rPh>
    <phoneticPr fontId="2"/>
  </si>
  <si>
    <t>交付(予定)額</t>
    <rPh sb="0" eb="2">
      <t>コウフ</t>
    </rPh>
    <rPh sb="3" eb="5">
      <t>ヨテイ</t>
    </rPh>
    <rPh sb="6" eb="7">
      <t>ガク</t>
    </rPh>
    <phoneticPr fontId="2"/>
  </si>
  <si>
    <t>備考</t>
    <rPh sb="0" eb="2">
      <t>ビコウ</t>
    </rPh>
    <phoneticPr fontId="2"/>
  </si>
  <si>
    <t>スプリンクラー設備
（1㎡あたり）</t>
    <rPh sb="7" eb="9">
      <t>セツビ</t>
    </rPh>
    <phoneticPr fontId="2"/>
  </si>
  <si>
    <t>自動火災報知設備等を設置する場合</t>
    <rPh sb="0" eb="2">
      <t>ジドウ</t>
    </rPh>
    <rPh sb="2" eb="4">
      <t>カサイ</t>
    </rPh>
    <rPh sb="4" eb="6">
      <t>ホウチ</t>
    </rPh>
    <rPh sb="6" eb="8">
      <t>セツビ</t>
    </rPh>
    <rPh sb="8" eb="9">
      <t>トウ</t>
    </rPh>
    <rPh sb="10" eb="12">
      <t>セッチ</t>
    </rPh>
    <rPh sb="14" eb="16">
      <t>バアイ</t>
    </rPh>
    <phoneticPr fontId="2"/>
  </si>
  <si>
    <t>消防機関へ通報する自動火災通報設備を整備する場合</t>
    <rPh sb="0" eb="2">
      <t>ショウボウ</t>
    </rPh>
    <rPh sb="2" eb="4">
      <t>キカン</t>
    </rPh>
    <rPh sb="5" eb="7">
      <t>ツウホウ</t>
    </rPh>
    <rPh sb="9" eb="11">
      <t>ジドウ</t>
    </rPh>
    <rPh sb="11" eb="13">
      <t>カサイ</t>
    </rPh>
    <rPh sb="13" eb="15">
      <t>ツウホウ</t>
    </rPh>
    <rPh sb="15" eb="17">
      <t>セツビ</t>
    </rPh>
    <rPh sb="18" eb="20">
      <t>セイビ</t>
    </rPh>
    <rPh sb="22" eb="24">
      <t>バアイ</t>
    </rPh>
    <phoneticPr fontId="2"/>
  </si>
  <si>
    <t>消火ポンプユニット等を設置する場合</t>
    <rPh sb="0" eb="2">
      <t>ショウカ</t>
    </rPh>
    <rPh sb="9" eb="10">
      <t>トウ</t>
    </rPh>
    <rPh sb="11" eb="13">
      <t>セッチ</t>
    </rPh>
    <rPh sb="15" eb="17">
      <t>バアイ</t>
    </rPh>
    <phoneticPr fontId="2"/>
  </si>
  <si>
    <t>a</t>
    <phoneticPr fontId="2"/>
  </si>
  <si>
    <t>b</t>
    <phoneticPr fontId="2"/>
  </si>
  <si>
    <t>c</t>
    <phoneticPr fontId="2"/>
  </si>
  <si>
    <t>d</t>
    <phoneticPr fontId="2"/>
  </si>
  <si>
    <t>e</t>
    <phoneticPr fontId="2"/>
  </si>
  <si>
    <t>f=（a×b)+c+d+e</t>
    <phoneticPr fontId="2"/>
  </si>
  <si>
    <t>g</t>
    <phoneticPr fontId="2"/>
  </si>
  <si>
    <t>h(fとgのいずれか低い方)</t>
    <rPh sb="10" eb="11">
      <t>ヒク</t>
    </rPh>
    <rPh sb="12" eb="13">
      <t>ホウ</t>
    </rPh>
    <phoneticPr fontId="2"/>
  </si>
  <si>
    <t>施設の種類</t>
    <rPh sb="0" eb="2">
      <t>シセツ</t>
    </rPh>
    <rPh sb="3" eb="5">
      <t>シュルイ</t>
    </rPh>
    <phoneticPr fontId="2"/>
  </si>
  <si>
    <t>施設の名称</t>
    <rPh sb="0" eb="2">
      <t>シセツ</t>
    </rPh>
    <rPh sb="3" eb="5">
      <t>メイショウ</t>
    </rPh>
    <phoneticPr fontId="2"/>
  </si>
  <si>
    <t>設置主体</t>
    <rPh sb="0" eb="2">
      <t>セッチ</t>
    </rPh>
    <rPh sb="2" eb="4">
      <t>シュタイ</t>
    </rPh>
    <phoneticPr fontId="2"/>
  </si>
  <si>
    <t>建物の
竣工年月日</t>
    <rPh sb="0" eb="2">
      <t>タテモノ</t>
    </rPh>
    <rPh sb="4" eb="6">
      <t>シュンコウ</t>
    </rPh>
    <rPh sb="6" eb="9">
      <t>ネンガッピ</t>
    </rPh>
    <phoneticPr fontId="2"/>
  </si>
  <si>
    <t>協議対象となる部分の改築・改修年月日
（該当ある場合のみ記載）</t>
    <rPh sb="10" eb="12">
      <t>カイチク</t>
    </rPh>
    <rPh sb="13" eb="15">
      <t>カイシュウ</t>
    </rPh>
    <rPh sb="15" eb="18">
      <t>ネンガッピ</t>
    </rPh>
    <rPh sb="20" eb="22">
      <t>ガイトウ</t>
    </rPh>
    <rPh sb="24" eb="26">
      <t>バアイ</t>
    </rPh>
    <rPh sb="28" eb="30">
      <t>キサイ</t>
    </rPh>
    <phoneticPr fontId="2"/>
  </si>
  <si>
    <t>事業内容
（どのような危険性を改善するためのどのような
事業内容か、具体的に明記）</t>
    <rPh sb="0" eb="2">
      <t>ジギョウ</t>
    </rPh>
    <rPh sb="2" eb="4">
      <t>ナイヨウ</t>
    </rPh>
    <phoneticPr fontId="2"/>
  </si>
  <si>
    <t>国土強靭化地域計画への記載</t>
    <rPh sb="0" eb="2">
      <t>コクド</t>
    </rPh>
    <rPh sb="2" eb="4">
      <t>キョウジン</t>
    </rPh>
    <rPh sb="4" eb="5">
      <t>カ</t>
    </rPh>
    <rPh sb="5" eb="7">
      <t>チイキ</t>
    </rPh>
    <rPh sb="7" eb="9">
      <t>ケイカク</t>
    </rPh>
    <rPh sb="11" eb="13">
      <t>キサイ</t>
    </rPh>
    <phoneticPr fontId="2"/>
  </si>
  <si>
    <t>総事業費</t>
    <rPh sb="0" eb="1">
      <t>ソウ</t>
    </rPh>
    <rPh sb="1" eb="4">
      <t>ジギョウヒ</t>
    </rPh>
    <phoneticPr fontId="2"/>
  </si>
  <si>
    <t>対象経費の実支出
（予定）額</t>
    <rPh sb="0" eb="2">
      <t>タイショウ</t>
    </rPh>
    <rPh sb="2" eb="4">
      <t>ケイヒ</t>
    </rPh>
    <rPh sb="5" eb="6">
      <t>ジツ</t>
    </rPh>
    <rPh sb="6" eb="8">
      <t>シシュツ</t>
    </rPh>
    <rPh sb="10" eb="12">
      <t>ヨテイ</t>
    </rPh>
    <rPh sb="13" eb="14">
      <t>ガク</t>
    </rPh>
    <phoneticPr fontId="2"/>
  </si>
  <si>
    <t xml:space="preserve">
交付(予定)額</t>
    <rPh sb="1" eb="3">
      <t>コウフ</t>
    </rPh>
    <rPh sb="4" eb="6">
      <t>ヨテイ</t>
    </rPh>
    <rPh sb="7" eb="8">
      <t>ガク</t>
    </rPh>
    <phoneticPr fontId="2"/>
  </si>
  <si>
    <t>ｃ(ａとｂのいずれか低い額)</t>
    <rPh sb="10" eb="11">
      <t>ヒク</t>
    </rPh>
    <rPh sb="12" eb="13">
      <t>ガク</t>
    </rPh>
    <phoneticPr fontId="2"/>
  </si>
  <si>
    <t>ａ</t>
    <phoneticPr fontId="2"/>
  </si>
  <si>
    <t>ｂ</t>
    <phoneticPr fontId="2"/>
  </si>
  <si>
    <t>対象経費の実支出
（予定）額の1/2</t>
    <rPh sb="0" eb="2">
      <t>タイショウ</t>
    </rPh>
    <rPh sb="2" eb="4">
      <t>ケイヒ</t>
    </rPh>
    <rPh sb="5" eb="6">
      <t>ジツ</t>
    </rPh>
    <rPh sb="6" eb="8">
      <t>シシュツ</t>
    </rPh>
    <rPh sb="10" eb="12">
      <t>ヨテイ</t>
    </rPh>
    <rPh sb="13" eb="14">
      <t>ガク</t>
    </rPh>
    <phoneticPr fontId="2"/>
  </si>
  <si>
    <t>ｃ(ａ、ｂのいずれか低い額)</t>
    <rPh sb="10" eb="11">
      <t>ヒク</t>
    </rPh>
    <rPh sb="12" eb="13">
      <t>ガク</t>
    </rPh>
    <phoneticPr fontId="2"/>
  </si>
  <si>
    <t>事業内容
（どのような危険性を改善するためのどのような事業内容か、具体的に明記）</t>
    <rPh sb="0" eb="2">
      <t>ジギョウ</t>
    </rPh>
    <rPh sb="2" eb="4">
      <t>ナイヨウ</t>
    </rPh>
    <phoneticPr fontId="2"/>
  </si>
  <si>
    <t>通所介護事業所</t>
    <phoneticPr fontId="2"/>
  </si>
  <si>
    <t>都市型軽費老人ホーム</t>
  </si>
  <si>
    <t>老人福祉センター（特Ａ型・Ａ型・Ｂ型）</t>
  </si>
  <si>
    <t>老人福祉施設付設作業所</t>
  </si>
  <si>
    <t>老人介護支援センター（在宅介護支援センター）</t>
  </si>
  <si>
    <t>認知症対応型通所介護事業所</t>
  </si>
  <si>
    <t>在宅複合型施設</t>
  </si>
  <si>
    <t>認知症高齢者グループホーム</t>
  </si>
  <si>
    <t>小規模多機能型居宅介護事業所</t>
  </si>
  <si>
    <t>定期巡回・随時対応型訪問介護看護事業所</t>
  </si>
  <si>
    <t>介護予防拠点</t>
  </si>
  <si>
    <t>地域包括支援センター</t>
  </si>
  <si>
    <t>生活支援ハウス（高齢者生活福祉センター）</t>
  </si>
  <si>
    <t>防災・減災等都道府県事業整備計画書</t>
    <rPh sb="0" eb="1">
      <t>ボウ</t>
    </rPh>
    <rPh sb="1" eb="2">
      <t>サイ</t>
    </rPh>
    <rPh sb="3" eb="4">
      <t>ゲン</t>
    </rPh>
    <rPh sb="4" eb="5">
      <t>サイ</t>
    </rPh>
    <rPh sb="5" eb="6">
      <t>トウ</t>
    </rPh>
    <rPh sb="6" eb="10">
      <t>トドウフケン</t>
    </rPh>
    <rPh sb="10" eb="11">
      <t>コト</t>
    </rPh>
    <rPh sb="11" eb="12">
      <t>ギョウ</t>
    </rPh>
    <rPh sb="12" eb="13">
      <t>タダシ</t>
    </rPh>
    <rPh sb="13" eb="14">
      <t>ソナエ</t>
    </rPh>
    <rPh sb="14" eb="15">
      <t>ケイ</t>
    </rPh>
    <rPh sb="15" eb="16">
      <t>ガ</t>
    </rPh>
    <rPh sb="16" eb="17">
      <t>ショ</t>
    </rPh>
    <phoneticPr fontId="2"/>
  </si>
  <si>
    <t>別紙様式第２号</t>
    <phoneticPr fontId="2"/>
  </si>
  <si>
    <t>ア　既存の小規模高齢者施設等のスプリンクラー設備等整備事業</t>
    <rPh sb="5" eb="8">
      <t>ショウキボ</t>
    </rPh>
    <rPh sb="8" eb="11">
      <t>コウレイシャ</t>
    </rPh>
    <rPh sb="13" eb="14">
      <t>ナド</t>
    </rPh>
    <rPh sb="22" eb="24">
      <t>セツビ</t>
    </rPh>
    <phoneticPr fontId="2"/>
  </si>
  <si>
    <t>イ　社会福祉連携推進法人等に係る高齢者施設等の大規模修繕等支援事業</t>
    <rPh sb="2" eb="4">
      <t>シャカイ</t>
    </rPh>
    <rPh sb="4" eb="6">
      <t>フクシ</t>
    </rPh>
    <rPh sb="6" eb="8">
      <t>レンケイ</t>
    </rPh>
    <rPh sb="8" eb="10">
      <t>スイシン</t>
    </rPh>
    <rPh sb="10" eb="12">
      <t>ホウジン</t>
    </rPh>
    <rPh sb="12" eb="13">
      <t>トウ</t>
    </rPh>
    <rPh sb="14" eb="15">
      <t>カカ</t>
    </rPh>
    <rPh sb="16" eb="19">
      <t>コウレイシャ</t>
    </rPh>
    <rPh sb="19" eb="21">
      <t>シセツ</t>
    </rPh>
    <rPh sb="21" eb="22">
      <t>トウ</t>
    </rPh>
    <rPh sb="23" eb="26">
      <t>ダイキボ</t>
    </rPh>
    <rPh sb="26" eb="29">
      <t>シュウゼンナド</t>
    </rPh>
    <rPh sb="29" eb="31">
      <t>シエン</t>
    </rPh>
    <rPh sb="31" eb="33">
      <t>ジギョウ</t>
    </rPh>
    <phoneticPr fontId="2"/>
  </si>
  <si>
    <t>ウ　国土強靭化対策と一体的に行う大規模修繕等支援事業</t>
    <rPh sb="2" eb="4">
      <t>コクド</t>
    </rPh>
    <rPh sb="4" eb="6">
      <t>キョウジン</t>
    </rPh>
    <rPh sb="6" eb="7">
      <t>カ</t>
    </rPh>
    <rPh sb="7" eb="9">
      <t>タイサク</t>
    </rPh>
    <rPh sb="10" eb="13">
      <t>イッタイテキ</t>
    </rPh>
    <rPh sb="14" eb="15">
      <t>オコナ</t>
    </rPh>
    <rPh sb="16" eb="19">
      <t>ダイキボ</t>
    </rPh>
    <rPh sb="19" eb="22">
      <t>シュウゼンナド</t>
    </rPh>
    <rPh sb="22" eb="24">
      <t>シエン</t>
    </rPh>
    <rPh sb="24" eb="26">
      <t>ジギョウ</t>
    </rPh>
    <phoneticPr fontId="2"/>
  </si>
  <si>
    <t>エ　高齢者施設等の非常用自家発電設備整備事業</t>
    <rPh sb="2" eb="5">
      <t>コウレイシャ</t>
    </rPh>
    <rPh sb="5" eb="7">
      <t>シセツ</t>
    </rPh>
    <rPh sb="7" eb="8">
      <t>トウ</t>
    </rPh>
    <rPh sb="9" eb="12">
      <t>ヒジョウヨウ</t>
    </rPh>
    <rPh sb="12" eb="14">
      <t>ジカ</t>
    </rPh>
    <rPh sb="14" eb="16">
      <t>ハツデン</t>
    </rPh>
    <rPh sb="16" eb="18">
      <t>セツビ</t>
    </rPh>
    <rPh sb="18" eb="20">
      <t>セイビ</t>
    </rPh>
    <rPh sb="20" eb="22">
      <t>ジギョウ</t>
    </rPh>
    <phoneticPr fontId="2"/>
  </si>
  <si>
    <t>オ　高齢者施設等の水害対策強化事業</t>
    <rPh sb="2" eb="5">
      <t>コウレイシャ</t>
    </rPh>
    <rPh sb="5" eb="7">
      <t>シセツ</t>
    </rPh>
    <rPh sb="7" eb="8">
      <t>トウ</t>
    </rPh>
    <rPh sb="9" eb="11">
      <t>スイガイ</t>
    </rPh>
    <rPh sb="11" eb="13">
      <t>タイサク</t>
    </rPh>
    <rPh sb="13" eb="15">
      <t>キョウカ</t>
    </rPh>
    <rPh sb="15" eb="17">
      <t>ジギョウ</t>
    </rPh>
    <phoneticPr fontId="2"/>
  </si>
  <si>
    <t>カ　高齢者施設等の給水設備整備事業</t>
    <rPh sb="9" eb="11">
      <t>キュウスイ</t>
    </rPh>
    <rPh sb="11" eb="13">
      <t>セツビ</t>
    </rPh>
    <phoneticPr fontId="2"/>
  </si>
  <si>
    <t>キ　高齢者施設等のブロック塀等改修整備事業</t>
    <rPh sb="2" eb="8">
      <t>コウレイシャシセツナド</t>
    </rPh>
    <rPh sb="13" eb="14">
      <t>ベイ</t>
    </rPh>
    <rPh sb="14" eb="15">
      <t>トウ</t>
    </rPh>
    <rPh sb="15" eb="17">
      <t>カイシュウ</t>
    </rPh>
    <rPh sb="17" eb="19">
      <t>セイビ</t>
    </rPh>
    <phoneticPr fontId="2"/>
  </si>
  <si>
    <t>ク　高齢者施設等の換気設備整備事業</t>
    <rPh sb="2" eb="5">
      <t>コウレイシャ</t>
    </rPh>
    <rPh sb="5" eb="7">
      <t>シセツ</t>
    </rPh>
    <rPh sb="7" eb="8">
      <t>トウ</t>
    </rPh>
    <rPh sb="9" eb="11">
      <t>カンキ</t>
    </rPh>
    <rPh sb="11" eb="13">
      <t>セツビ</t>
    </rPh>
    <rPh sb="13" eb="15">
      <t>セイビ</t>
    </rPh>
    <rPh sb="15" eb="17">
      <t>ジギョウ</t>
    </rPh>
    <phoneticPr fontId="2"/>
  </si>
  <si>
    <t>防災・減災等市町村事業整備計画</t>
    <rPh sb="0" eb="2">
      <t>ボウサイ</t>
    </rPh>
    <rPh sb="3" eb="5">
      <t>ゲンサイ</t>
    </rPh>
    <rPh sb="5" eb="6">
      <t>トウ</t>
    </rPh>
    <rPh sb="6" eb="9">
      <t>シチョウソン</t>
    </rPh>
    <rPh sb="9" eb="11">
      <t>ジギョウ</t>
    </rPh>
    <rPh sb="11" eb="13">
      <t>セイビ</t>
    </rPh>
    <rPh sb="13" eb="15">
      <t>ケイカク</t>
    </rPh>
    <phoneticPr fontId="2"/>
  </si>
  <si>
    <t>看護小規模多機能型居宅介護事業所</t>
  </si>
  <si>
    <t>ケアハウス（定員29人以下）</t>
  </si>
  <si>
    <t>ケアハウス（定員29人以下）</t>
    <phoneticPr fontId="2"/>
  </si>
  <si>
    <t>有料老人ホーム（定員29人以下）</t>
  </si>
  <si>
    <t>有料老人ホーム（定員29人以下）</t>
    <phoneticPr fontId="2"/>
  </si>
  <si>
    <t>地域密着型通所介護事業所</t>
  </si>
  <si>
    <t>地域密着型通所介護事業所</t>
    <phoneticPr fontId="2"/>
  </si>
  <si>
    <t>認知症対応型通所介護事業所</t>
    <phoneticPr fontId="2"/>
  </si>
  <si>
    <t>イ　認知症高齢者グループホーム等の防災改修等支援事業</t>
    <phoneticPr fontId="2"/>
  </si>
  <si>
    <t>緊急ショートステイ</t>
  </si>
  <si>
    <t>施設内保育施設</t>
  </si>
  <si>
    <t>特別養護老人ホーム（定員29人以下）</t>
    <phoneticPr fontId="2"/>
  </si>
  <si>
    <t>介護老人保健施設（定員29人以下）</t>
  </si>
  <si>
    <t>介護老人保健施設（定員29人以下）</t>
    <phoneticPr fontId="2"/>
  </si>
  <si>
    <t>介護医療院（定員29人以下）</t>
  </si>
  <si>
    <t>介護医療院（定員29人以下）</t>
    <phoneticPr fontId="2"/>
  </si>
  <si>
    <t>養護老人ホーム（定員29人以下）</t>
  </si>
  <si>
    <t>養護老人ホーム（定員29人以下）</t>
    <phoneticPr fontId="2"/>
  </si>
  <si>
    <t>ウ　高齢者施設等の給水設備整備事業</t>
  </si>
  <si>
    <t>エ　高齢者施設等のブロック塀等改修整備事業</t>
    <phoneticPr fontId="2"/>
  </si>
  <si>
    <t>夜間対応型訪問介護事業所</t>
  </si>
  <si>
    <t>オ　高齢者施設等の換気設備整備事業</t>
    <phoneticPr fontId="2"/>
  </si>
  <si>
    <t>防災・減災等都道府県事業整備計画</t>
    <rPh sb="0" eb="2">
      <t>ボウサイ</t>
    </rPh>
    <rPh sb="3" eb="5">
      <t>ゲンサイ</t>
    </rPh>
    <rPh sb="5" eb="6">
      <t>トウ</t>
    </rPh>
    <rPh sb="6" eb="10">
      <t>トドウフケン</t>
    </rPh>
    <rPh sb="10" eb="12">
      <t>ジギョウ</t>
    </rPh>
    <rPh sb="12" eb="14">
      <t>セイビ</t>
    </rPh>
    <rPh sb="14" eb="16">
      <t>ケイカク</t>
    </rPh>
    <phoneticPr fontId="2"/>
  </si>
  <si>
    <t>軽費老人ホーム（定員30人以上）</t>
  </si>
  <si>
    <t>軽費老人ホーム（定員30人以上）</t>
    <phoneticPr fontId="2"/>
  </si>
  <si>
    <t>有料老人ホーム（定員30人以上）</t>
    <phoneticPr fontId="2"/>
  </si>
  <si>
    <t>通所介護事業所</t>
  </si>
  <si>
    <t>イ　社会福祉連携推進法人等に係る高齢者施設等の大規模修繕等支援事業</t>
    <phoneticPr fontId="2"/>
  </si>
  <si>
    <t>特別養護老人ホーム（定員30人以上）</t>
  </si>
  <si>
    <t>特別養護老人ホーム（定員30人以上）</t>
    <phoneticPr fontId="2"/>
  </si>
  <si>
    <t>介護老人保健施設（定員30人以上）</t>
  </si>
  <si>
    <t>介護老人保健施設（定員30人以上）</t>
    <phoneticPr fontId="2"/>
  </si>
  <si>
    <t>介護医療院（定員30人以上）</t>
  </si>
  <si>
    <t>介護医療院（定員30人以上）</t>
    <phoneticPr fontId="2"/>
  </si>
  <si>
    <t>養護老人ホーム（定員30人以上）</t>
  </si>
  <si>
    <t>養護老人ホーム（定員30人以上）</t>
    <phoneticPr fontId="2"/>
  </si>
  <si>
    <t>ウ　国土強靭化対策と一体的に行う大規模修繕等支援事業</t>
    <phoneticPr fontId="2"/>
  </si>
  <si>
    <t>エ　高齢者施設等の非常用自家発電設備整備事業</t>
    <phoneticPr fontId="2"/>
  </si>
  <si>
    <t>オ　高齢者施設等の水害対策強化事業</t>
    <phoneticPr fontId="2"/>
  </si>
  <si>
    <t>カ　高齢者施設等の給水設備整備事業</t>
    <phoneticPr fontId="2"/>
  </si>
  <si>
    <t>キ　高齢者施設等のブロック塀等改修整備事業</t>
    <phoneticPr fontId="2"/>
  </si>
  <si>
    <t>ク　高齢者施設等の換気設備整備事業</t>
    <phoneticPr fontId="2"/>
  </si>
  <si>
    <t>特別養護老人ホーム（定員30人以上）及び併設される老人短期入所施設</t>
    <rPh sb="18" eb="19">
      <t>オヨ</t>
    </rPh>
    <rPh sb="20" eb="22">
      <t>ヘイセツ</t>
    </rPh>
    <rPh sb="25" eb="27">
      <t>ロウジン</t>
    </rPh>
    <rPh sb="27" eb="29">
      <t>タンキ</t>
    </rPh>
    <rPh sb="29" eb="31">
      <t>ニュウショ</t>
    </rPh>
    <rPh sb="31" eb="33">
      <t>シセツ</t>
    </rPh>
    <phoneticPr fontId="2"/>
  </si>
  <si>
    <t>特別養護老人ホーム（定員29人以下）及び併設される老人短期入所施設</t>
    <rPh sb="18" eb="19">
      <t>オヨ</t>
    </rPh>
    <rPh sb="20" eb="22">
      <t>ヘイセツ</t>
    </rPh>
    <phoneticPr fontId="2"/>
  </si>
  <si>
    <t>特別養護老人ホーム（定員29人以下）及び併設される老人短期入所施設</t>
    <phoneticPr fontId="2"/>
  </si>
  <si>
    <t>特別養護老人ホーム（定員30人以上）及び併設される老人短期入所施設</t>
    <rPh sb="18" eb="19">
      <t>オヨ</t>
    </rPh>
    <phoneticPr fontId="2"/>
  </si>
  <si>
    <t>ア　既存の小規模高齢者施設等のスプリンクラー設備等整備事業</t>
    <rPh sb="2" eb="4">
      <t>キソン</t>
    </rPh>
    <rPh sb="5" eb="8">
      <t>ショウキボ</t>
    </rPh>
    <rPh sb="8" eb="11">
      <t>コウレイシャ</t>
    </rPh>
    <rPh sb="11" eb="13">
      <t>シセツ</t>
    </rPh>
    <rPh sb="13" eb="14">
      <t>トウ</t>
    </rPh>
    <rPh sb="22" eb="25">
      <t>セツビナド</t>
    </rPh>
    <rPh sb="25" eb="27">
      <t>セイビ</t>
    </rPh>
    <rPh sb="27" eb="29">
      <t>ジギョウ</t>
    </rPh>
    <phoneticPr fontId="2"/>
  </si>
  <si>
    <t>老人短期入所施設（定員30人以上）</t>
    <phoneticPr fontId="2"/>
  </si>
  <si>
    <t>老人短期入所施設（定員29人以下）</t>
    <phoneticPr fontId="2"/>
  </si>
  <si>
    <t>　ｄ　水害対策強化事業</t>
    <rPh sb="3" eb="9">
      <t>スイガイタイサクキョウカ</t>
    </rPh>
    <rPh sb="9" eb="11">
      <t>ジギョウ</t>
    </rPh>
    <phoneticPr fontId="2"/>
  </si>
  <si>
    <t>　ｂ　耐震化促進事業</t>
    <rPh sb="3" eb="6">
      <t>タイシンカ</t>
    </rPh>
    <rPh sb="6" eb="8">
      <t>ソクシン</t>
    </rPh>
    <rPh sb="8" eb="10">
      <t>ジギョウ</t>
    </rPh>
    <phoneticPr fontId="2"/>
  </si>
  <si>
    <t>　ｃ　非常用自家発電設備整備事業</t>
    <rPh sb="3" eb="6">
      <t>ヒジョウヨウ</t>
    </rPh>
    <rPh sb="6" eb="8">
      <t>ジカ</t>
    </rPh>
    <rPh sb="8" eb="10">
      <t>ハツデン</t>
    </rPh>
    <rPh sb="10" eb="12">
      <t>セツビ</t>
    </rPh>
    <rPh sb="12" eb="14">
      <t>セイビ</t>
    </rPh>
    <rPh sb="14" eb="16">
      <t>ジギョウ</t>
    </rPh>
    <phoneticPr fontId="2"/>
  </si>
  <si>
    <t>防災・減災等市町村事業整備計画書</t>
    <rPh sb="0" eb="1">
      <t>ボウ</t>
    </rPh>
    <rPh sb="1" eb="2">
      <t>サイ</t>
    </rPh>
    <rPh sb="3" eb="4">
      <t>ゲン</t>
    </rPh>
    <rPh sb="4" eb="5">
      <t>サイ</t>
    </rPh>
    <rPh sb="5" eb="6">
      <t>トウ</t>
    </rPh>
    <rPh sb="6" eb="9">
      <t>シチョウソン</t>
    </rPh>
    <rPh sb="9" eb="10">
      <t>コト</t>
    </rPh>
    <rPh sb="10" eb="11">
      <t>ギョウ</t>
    </rPh>
    <rPh sb="11" eb="12">
      <t>タダシ</t>
    </rPh>
    <rPh sb="12" eb="13">
      <t>ソナエ</t>
    </rPh>
    <rPh sb="13" eb="14">
      <t>ケイ</t>
    </rPh>
    <rPh sb="14" eb="15">
      <t>ガ</t>
    </rPh>
    <rPh sb="15" eb="16">
      <t>ショ</t>
    </rPh>
    <phoneticPr fontId="2"/>
  </si>
  <si>
    <t>イ　認知症高齢者グループホーム等の防災改修等支援事業</t>
    <rPh sb="5" eb="8">
      <t>コウレイシャ</t>
    </rPh>
    <phoneticPr fontId="2"/>
  </si>
  <si>
    <t>　ａ　大規模修繕等支援事業</t>
    <phoneticPr fontId="2"/>
  </si>
  <si>
    <t>ウ　高齢者施設等の給水設備整備事業</t>
    <rPh sb="9" eb="11">
      <t>キュウスイ</t>
    </rPh>
    <rPh sb="11" eb="13">
      <t>セツビ</t>
    </rPh>
    <phoneticPr fontId="2"/>
  </si>
  <si>
    <t>エ　高齢者施設等のブロック塀等改修整備事業</t>
    <rPh sb="2" eb="8">
      <t>コウレイシャシセツナド</t>
    </rPh>
    <rPh sb="13" eb="14">
      <t>ベイ</t>
    </rPh>
    <rPh sb="14" eb="15">
      <t>トウ</t>
    </rPh>
    <rPh sb="15" eb="17">
      <t>カイシュウ</t>
    </rPh>
    <rPh sb="17" eb="19">
      <t>セイビ</t>
    </rPh>
    <phoneticPr fontId="2"/>
  </si>
  <si>
    <t>オ　高齢者施設等の換気設備整備事業</t>
    <rPh sb="2" eb="5">
      <t>コウレイシャ</t>
    </rPh>
    <rPh sb="5" eb="7">
      <t>シセツ</t>
    </rPh>
    <rPh sb="7" eb="8">
      <t>トウ</t>
    </rPh>
    <rPh sb="9" eb="11">
      <t>カンキ</t>
    </rPh>
    <rPh sb="11" eb="13">
      <t>セツビ</t>
    </rPh>
    <rPh sb="13" eb="15">
      <t>セイビ</t>
    </rPh>
    <rPh sb="15" eb="17">
      <t>ジギョウ</t>
    </rPh>
    <phoneticPr fontId="2"/>
  </si>
  <si>
    <t>指定都市・中核市名</t>
    <rPh sb="0" eb="4">
      <t>シテイトシ</t>
    </rPh>
    <rPh sb="5" eb="8">
      <t>チュウカクシ</t>
    </rPh>
    <rPh sb="8" eb="9">
      <t>メイ</t>
    </rPh>
    <phoneticPr fontId="2"/>
  </si>
  <si>
    <t>ｃ(ａ、ｂのいずれか低い額*1/3)</t>
    <rPh sb="10" eb="11">
      <t>ヒク</t>
    </rPh>
    <rPh sb="12" eb="13">
      <t>ガク</t>
    </rPh>
    <phoneticPr fontId="2"/>
  </si>
  <si>
    <t>ｃ(ａ、ｂのいずれか低い額*1/2)</t>
    <rPh sb="10" eb="11">
      <t>ヒク</t>
    </rPh>
    <rPh sb="12" eb="13">
      <t>ガク</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411]ggge&quot;年&quot;m&quot;月&quot;d&quot;日&quot;;@"/>
    <numFmt numFmtId="177" formatCode="0.0%"/>
  </numFmts>
  <fonts count="8" x14ac:knownFonts="1">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sz val="18"/>
      <name val="ＭＳ Ｐゴシック"/>
      <family val="3"/>
      <charset val="128"/>
    </font>
    <font>
      <sz val="10"/>
      <name val="ＭＳ Ｐゴシック"/>
      <family val="3"/>
      <charset val="128"/>
    </font>
    <font>
      <sz val="8"/>
      <name val="ＭＳ Ｐゴシック"/>
      <family val="3"/>
      <charset val="128"/>
    </font>
    <font>
      <sz val="9"/>
      <name val="ＭＳ Ｐゴシック"/>
      <family val="3"/>
      <charset val="128"/>
    </font>
  </fonts>
  <fills count="4">
    <fill>
      <patternFill patternType="none"/>
    </fill>
    <fill>
      <patternFill patternType="gray125"/>
    </fill>
    <fill>
      <patternFill patternType="solid">
        <fgColor theme="0"/>
        <bgColor indexed="64"/>
      </patternFill>
    </fill>
    <fill>
      <patternFill patternType="solid">
        <fgColor rgb="FFFFFF00"/>
        <bgColor indexed="64"/>
      </patternFill>
    </fill>
  </fills>
  <borders count="69">
    <border>
      <left/>
      <right/>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style="thin">
        <color indexed="64"/>
      </left>
      <right/>
      <top/>
      <bottom style="thin">
        <color indexed="64"/>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style="double">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rgb="FFFF0000"/>
      </left>
      <right/>
      <top style="thin">
        <color rgb="FFFF0000"/>
      </top>
      <bottom/>
      <diagonal/>
    </border>
    <border>
      <left/>
      <right style="thin">
        <color rgb="FFFF0000"/>
      </right>
      <top style="thin">
        <color rgb="FFFF0000"/>
      </top>
      <bottom/>
      <diagonal/>
    </border>
    <border>
      <left style="thin">
        <color rgb="FFFF0000"/>
      </left>
      <right/>
      <top/>
      <bottom/>
      <diagonal/>
    </border>
    <border>
      <left/>
      <right style="thin">
        <color rgb="FFFF0000"/>
      </right>
      <top/>
      <bottom/>
      <diagonal/>
    </border>
    <border>
      <left style="thin">
        <color rgb="FFFF0000"/>
      </left>
      <right/>
      <top/>
      <bottom style="thin">
        <color rgb="FFFF0000"/>
      </bottom>
      <diagonal/>
    </border>
    <border>
      <left/>
      <right style="thin">
        <color rgb="FFFF0000"/>
      </right>
      <top/>
      <bottom style="thin">
        <color rgb="FFFF0000"/>
      </bottom>
      <diagonal/>
    </border>
    <border>
      <left style="thin">
        <color rgb="FFFF0000"/>
      </left>
      <right style="thin">
        <color rgb="FFFF0000"/>
      </right>
      <top style="thin">
        <color rgb="FFFF0000"/>
      </top>
      <bottom style="thin">
        <color rgb="FFFF0000"/>
      </bottom>
      <diagonal/>
    </border>
    <border>
      <left style="thin">
        <color rgb="FFFF0000"/>
      </left>
      <right style="thin">
        <color rgb="FFFF0000"/>
      </right>
      <top style="thin">
        <color rgb="FFFF0000"/>
      </top>
      <bottom/>
      <diagonal/>
    </border>
    <border>
      <left style="thin">
        <color rgb="FFFF0000"/>
      </left>
      <right style="thin">
        <color rgb="FFFF0000"/>
      </right>
      <top/>
      <bottom/>
      <diagonal/>
    </border>
    <border>
      <left style="thin">
        <color rgb="FFFF0000"/>
      </left>
      <right style="thin">
        <color rgb="FFFF0000"/>
      </right>
      <top/>
      <bottom style="thin">
        <color rgb="FFFF0000"/>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rgb="FFFF0000"/>
      </right>
      <top style="thin">
        <color indexed="64"/>
      </top>
      <bottom/>
      <diagonal/>
    </border>
    <border>
      <left style="thin">
        <color rgb="FFFF0000"/>
      </left>
      <right style="thin">
        <color rgb="FFFF0000"/>
      </right>
      <top style="thin">
        <color indexed="64"/>
      </top>
      <bottom style="thin">
        <color rgb="FFFF0000"/>
      </bottom>
      <diagonal/>
    </border>
    <border>
      <left style="thin">
        <color rgb="FFFF0000"/>
      </left>
      <right style="thin">
        <color indexed="64"/>
      </right>
      <top style="thin">
        <color indexed="64"/>
      </top>
      <bottom style="thin">
        <color rgb="FFFF0000"/>
      </bottom>
      <diagonal/>
    </border>
    <border>
      <left style="thin">
        <color rgb="FFFF0000"/>
      </left>
      <right style="thin">
        <color rgb="FFFF0000"/>
      </right>
      <top style="thin">
        <color rgb="FFFF0000"/>
      </top>
      <bottom style="thin">
        <color indexed="64"/>
      </bottom>
      <diagonal/>
    </border>
    <border>
      <left style="thin">
        <color rgb="FFFF0000"/>
      </left>
      <right style="thin">
        <color indexed="64"/>
      </right>
      <top style="thin">
        <color rgb="FFFF0000"/>
      </top>
      <bottom style="thin">
        <color indexed="64"/>
      </bottom>
      <diagonal/>
    </border>
    <border>
      <left style="thin">
        <color rgb="FFFF0000"/>
      </left>
      <right/>
      <top style="thin">
        <color indexed="64"/>
      </top>
      <bottom/>
      <diagonal/>
    </border>
    <border>
      <left style="thin">
        <color rgb="FFFF0000"/>
      </left>
      <right style="thin">
        <color rgb="FFFF0000"/>
      </right>
      <top style="thin">
        <color indexed="64"/>
      </top>
      <bottom/>
      <diagonal/>
    </border>
    <border>
      <left style="thin">
        <color indexed="64"/>
      </left>
      <right style="thin">
        <color indexed="64"/>
      </right>
      <top/>
      <bottom/>
      <diagonal/>
    </border>
    <border>
      <left style="thin">
        <color rgb="FFFF0000"/>
      </left>
      <right style="thin">
        <color indexed="64"/>
      </right>
      <top/>
      <bottom style="thin">
        <color indexed="64"/>
      </bottom>
      <diagonal/>
    </border>
    <border>
      <left style="thin">
        <color rgb="FFFF0000"/>
      </left>
      <right style="thin">
        <color indexed="64"/>
      </right>
      <top/>
      <bottom/>
      <diagonal/>
    </border>
    <border>
      <left style="thin">
        <color rgb="FFFF0000"/>
      </left>
      <right style="thin">
        <color indexed="64"/>
      </right>
      <top/>
      <bottom style="thin">
        <color rgb="FFFF0000"/>
      </bottom>
      <diagonal/>
    </border>
    <border>
      <left style="thin">
        <color indexed="64"/>
      </left>
      <right style="thin">
        <color rgb="FFFF0000"/>
      </right>
      <top/>
      <bottom/>
      <diagonal/>
    </border>
    <border>
      <left style="thin">
        <color indexed="64"/>
      </left>
      <right style="thin">
        <color rgb="FFFF0000"/>
      </right>
      <top/>
      <bottom style="thin">
        <color indexed="64"/>
      </bottom>
      <diagonal/>
    </border>
    <border>
      <left style="thin">
        <color rgb="FFFF0000"/>
      </left>
      <right style="thin">
        <color rgb="FFFF0000"/>
      </right>
      <top/>
      <bottom style="thin">
        <color indexed="64"/>
      </bottom>
      <diagonal/>
    </border>
    <border>
      <left/>
      <right style="thin">
        <color rgb="FFFF0000"/>
      </right>
      <top style="thin">
        <color indexed="64"/>
      </top>
      <bottom style="thin">
        <color rgb="FFFF0000"/>
      </bottom>
      <diagonal/>
    </border>
    <border>
      <left/>
      <right style="thin">
        <color rgb="FFFF0000"/>
      </right>
      <top style="thin">
        <color rgb="FFFF0000"/>
      </top>
      <bottom style="thin">
        <color indexed="64"/>
      </bottom>
      <diagonal/>
    </border>
    <border>
      <left style="thin">
        <color rgb="FFFF0000"/>
      </left>
      <right style="thin">
        <color indexed="64"/>
      </right>
      <top style="thin">
        <color indexed="64"/>
      </top>
      <bottom/>
      <diagonal/>
    </border>
    <border>
      <left style="thin">
        <color rgb="FFFF0000"/>
      </left>
      <right/>
      <top style="thin">
        <color indexed="64"/>
      </top>
      <bottom style="thin">
        <color rgb="FFFF0000"/>
      </bottom>
      <diagonal/>
    </border>
    <border>
      <left style="thin">
        <color rgb="FFFF0000"/>
      </left>
      <right/>
      <top style="thin">
        <color rgb="FFFF0000"/>
      </top>
      <bottom style="thin">
        <color indexed="64"/>
      </bottom>
      <diagonal/>
    </border>
    <border>
      <left style="thin">
        <color indexed="64"/>
      </left>
      <right style="thin">
        <color rgb="FFFF0000"/>
      </right>
      <top style="thin">
        <color indexed="64"/>
      </top>
      <bottom style="thin">
        <color rgb="FFFF0000"/>
      </bottom>
      <diagonal/>
    </border>
    <border>
      <left style="thin">
        <color indexed="64"/>
      </left>
      <right style="thin">
        <color rgb="FFFF0000"/>
      </right>
      <top style="thin">
        <color rgb="FFFF0000"/>
      </top>
      <bottom style="thin">
        <color indexed="64"/>
      </bottom>
      <diagonal/>
    </border>
    <border>
      <left style="thin">
        <color rgb="FFFF0000"/>
      </left>
      <right style="thin">
        <color indexed="64"/>
      </right>
      <top style="thin">
        <color rgb="FFFF0000"/>
      </top>
      <bottom style="thin">
        <color rgb="FFFF0000"/>
      </bottom>
      <diagonal/>
    </border>
    <border>
      <left style="thin">
        <color rgb="FFFF0000"/>
      </left>
      <right style="thin">
        <color indexed="64"/>
      </right>
      <top style="thin">
        <color rgb="FFFF0000"/>
      </top>
      <bottom/>
      <diagonal/>
    </border>
    <border>
      <left/>
      <right style="thin">
        <color rgb="FFFF0000"/>
      </right>
      <top style="thin">
        <color rgb="FFFF0000"/>
      </top>
      <bottom style="thin">
        <color rgb="FFFF0000"/>
      </bottom>
      <diagonal/>
    </border>
    <border>
      <left style="thin">
        <color indexed="64"/>
      </left>
      <right style="thin">
        <color rgb="FFFF0000"/>
      </right>
      <top style="thin">
        <color indexed="64"/>
      </top>
      <bottom/>
      <diagonal/>
    </border>
    <border>
      <left/>
      <right style="thin">
        <color rgb="FFFF0000"/>
      </right>
      <top style="double">
        <color indexed="64"/>
      </top>
      <bottom style="thin">
        <color indexed="64"/>
      </bottom>
      <diagonal/>
    </border>
    <border>
      <left style="thin">
        <color rgb="FFFF0000"/>
      </left>
      <right style="thin">
        <color rgb="FFFF0000"/>
      </right>
      <top style="double">
        <color indexed="64"/>
      </top>
      <bottom style="thin">
        <color indexed="64"/>
      </bottom>
      <diagonal/>
    </border>
    <border>
      <left style="thin">
        <color rgb="FFFF0000"/>
      </left>
      <right style="thin">
        <color indexed="64"/>
      </right>
      <top style="double">
        <color indexed="64"/>
      </top>
      <bottom style="thin">
        <color indexed="64"/>
      </bottom>
      <diagonal/>
    </border>
    <border>
      <left style="thin">
        <color indexed="64"/>
      </left>
      <right style="thin">
        <color rgb="FFFF0000"/>
      </right>
      <top style="thin">
        <color rgb="FFFF0000"/>
      </top>
      <bottom/>
      <diagonal/>
    </border>
    <border>
      <left style="thin">
        <color indexed="64"/>
      </left>
      <right style="thin">
        <color rgb="FFFF0000"/>
      </right>
      <top style="double">
        <color indexed="64"/>
      </top>
      <bottom style="thin">
        <color indexed="64"/>
      </bottom>
      <diagonal/>
    </border>
    <border>
      <left style="thin">
        <color rgb="FFFF0000"/>
      </left>
      <right/>
      <top style="double">
        <color indexed="64"/>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xf numFmtId="9" fontId="1" fillId="0" borderId="0" applyFont="0" applyFill="0" applyBorder="0" applyAlignment="0" applyProtection="0">
      <alignment vertical="center"/>
    </xf>
  </cellStyleXfs>
  <cellXfs count="309">
    <xf numFmtId="0" fontId="0" fillId="0" borderId="0" xfId="0">
      <alignment vertical="center"/>
    </xf>
    <xf numFmtId="0" fontId="0" fillId="0" borderId="0" xfId="0" applyFont="1">
      <alignment vertical="center"/>
    </xf>
    <xf numFmtId="0" fontId="3" fillId="2" borderId="0" xfId="0" applyFont="1" applyFill="1" applyAlignment="1">
      <alignment vertical="top"/>
    </xf>
    <xf numFmtId="0" fontId="0" fillId="2" borderId="0" xfId="0" applyFont="1" applyFill="1">
      <alignment vertical="center"/>
    </xf>
    <xf numFmtId="0" fontId="0" fillId="2" borderId="0" xfId="0" applyFont="1" applyFill="1" applyAlignment="1">
      <alignment horizontal="right" vertical="center"/>
    </xf>
    <xf numFmtId="0" fontId="5" fillId="2" borderId="0" xfId="0" applyFont="1" applyFill="1">
      <alignment vertical="center"/>
    </xf>
    <xf numFmtId="0" fontId="5" fillId="0" borderId="0" xfId="0" applyFont="1">
      <alignment vertical="center"/>
    </xf>
    <xf numFmtId="0" fontId="5" fillId="2" borderId="7" xfId="0" applyFont="1" applyFill="1" applyBorder="1">
      <alignment vertical="center"/>
    </xf>
    <xf numFmtId="0" fontId="6" fillId="2" borderId="7" xfId="0" applyFont="1" applyFill="1" applyBorder="1">
      <alignment vertical="center"/>
    </xf>
    <xf numFmtId="0" fontId="5" fillId="2" borderId="8" xfId="0" applyFont="1" applyFill="1" applyBorder="1">
      <alignment vertical="center"/>
    </xf>
    <xf numFmtId="0" fontId="5" fillId="2" borderId="6" xfId="0" applyFont="1" applyFill="1" applyBorder="1">
      <alignment vertical="center"/>
    </xf>
    <xf numFmtId="0" fontId="5" fillId="2" borderId="5" xfId="0" applyFont="1" applyFill="1" applyBorder="1">
      <alignment vertical="center"/>
    </xf>
    <xf numFmtId="0" fontId="5" fillId="2" borderId="1" xfId="0" applyFont="1" applyFill="1" applyBorder="1">
      <alignment vertical="center"/>
    </xf>
    <xf numFmtId="0" fontId="5" fillId="2" borderId="0" xfId="0" applyFont="1" applyFill="1" applyAlignment="1">
      <alignment horizontal="left" vertical="center" wrapText="1"/>
    </xf>
    <xf numFmtId="0" fontId="5" fillId="2" borderId="2" xfId="0" applyFont="1" applyFill="1" applyBorder="1" applyAlignment="1">
      <alignment horizontal="left" vertical="center" wrapText="1"/>
    </xf>
    <xf numFmtId="0" fontId="5" fillId="2" borderId="2" xfId="0" applyFont="1" applyFill="1" applyBorder="1">
      <alignment vertical="center"/>
    </xf>
    <xf numFmtId="0" fontId="5" fillId="2" borderId="4" xfId="0" applyFont="1" applyFill="1" applyBorder="1">
      <alignment vertical="center"/>
    </xf>
    <xf numFmtId="0" fontId="5" fillId="2" borderId="3" xfId="0" applyFont="1" applyFill="1" applyBorder="1">
      <alignment vertical="center"/>
    </xf>
    <xf numFmtId="0" fontId="0" fillId="2" borderId="1" xfId="0" applyFont="1" applyFill="1" applyBorder="1">
      <alignment vertical="center"/>
    </xf>
    <xf numFmtId="0" fontId="7" fillId="2" borderId="0" xfId="0" applyFont="1" applyFill="1">
      <alignment vertical="center"/>
    </xf>
    <xf numFmtId="0" fontId="6" fillId="2" borderId="0" xfId="0" applyFont="1" applyFill="1">
      <alignment vertical="center"/>
    </xf>
    <xf numFmtId="0" fontId="6" fillId="2" borderId="2" xfId="0" applyFont="1" applyFill="1" applyBorder="1">
      <alignment vertical="center"/>
    </xf>
    <xf numFmtId="0" fontId="6" fillId="2" borderId="1" xfId="0" applyFont="1" applyFill="1" applyBorder="1">
      <alignment vertical="center"/>
    </xf>
    <xf numFmtId="0" fontId="2" fillId="2" borderId="0" xfId="0" applyFont="1" applyFill="1" applyAlignment="1">
      <alignment horizontal="center" vertical="center"/>
    </xf>
    <xf numFmtId="0" fontId="0" fillId="0" borderId="2" xfId="0" applyFont="1" applyBorder="1">
      <alignment vertical="center"/>
    </xf>
    <xf numFmtId="0" fontId="0" fillId="0" borderId="1" xfId="0" applyFont="1" applyBorder="1">
      <alignment vertical="center"/>
    </xf>
    <xf numFmtId="0" fontId="6" fillId="2" borderId="4" xfId="0" applyFont="1" applyFill="1" applyBorder="1" applyAlignment="1">
      <alignment vertical="center" wrapText="1"/>
    </xf>
    <xf numFmtId="0" fontId="6" fillId="2" borderId="7" xfId="0" applyFont="1" applyFill="1" applyBorder="1" applyAlignment="1">
      <alignment vertical="center" wrapText="1"/>
    </xf>
    <xf numFmtId="0" fontId="6" fillId="2" borderId="3" xfId="0" applyFont="1" applyFill="1" applyBorder="1" applyAlignment="1">
      <alignment vertical="center" wrapText="1"/>
    </xf>
    <xf numFmtId="0" fontId="6" fillId="2" borderId="4" xfId="0" applyFont="1" applyFill="1" applyBorder="1" applyAlignment="1">
      <alignment vertical="center" shrinkToFit="1"/>
    </xf>
    <xf numFmtId="0" fontId="6" fillId="2" borderId="7" xfId="0" applyFont="1" applyFill="1" applyBorder="1" applyAlignment="1">
      <alignment vertical="center" shrinkToFit="1"/>
    </xf>
    <xf numFmtId="0" fontId="6" fillId="2" borderId="3" xfId="0" applyFont="1" applyFill="1" applyBorder="1" applyAlignment="1">
      <alignment vertical="center" shrinkToFit="1"/>
    </xf>
    <xf numFmtId="0" fontId="5" fillId="2" borderId="12" xfId="0" applyFont="1" applyFill="1" applyBorder="1" applyAlignment="1">
      <alignment vertical="center" wrapText="1"/>
    </xf>
    <xf numFmtId="0" fontId="5" fillId="2" borderId="13" xfId="0" applyFont="1" applyFill="1" applyBorder="1" applyAlignment="1">
      <alignment vertical="center" wrapText="1"/>
    </xf>
    <xf numFmtId="0" fontId="5" fillId="2" borderId="14" xfId="0" applyFont="1" applyFill="1" applyBorder="1" applyAlignment="1">
      <alignment vertical="center" wrapText="1"/>
    </xf>
    <xf numFmtId="38" fontId="5" fillId="2" borderId="0" xfId="1" applyFont="1" applyFill="1" applyBorder="1" applyAlignment="1">
      <alignment horizontal="center" vertical="center"/>
    </xf>
    <xf numFmtId="0" fontId="7" fillId="2" borderId="2" xfId="0" applyFont="1" applyFill="1" applyBorder="1">
      <alignment vertical="center"/>
    </xf>
    <xf numFmtId="0" fontId="5" fillId="2" borderId="0" xfId="0" applyFont="1" applyFill="1" applyAlignment="1">
      <alignment vertical="center" wrapText="1"/>
    </xf>
    <xf numFmtId="0" fontId="5" fillId="2" borderId="7" xfId="0" applyFont="1" applyFill="1" applyBorder="1" applyAlignment="1">
      <alignment vertical="center" wrapText="1"/>
    </xf>
    <xf numFmtId="0" fontId="0" fillId="2" borderId="45" xfId="0" applyFont="1" applyFill="1" applyBorder="1">
      <alignment vertical="center"/>
    </xf>
    <xf numFmtId="0" fontId="5" fillId="2" borderId="3" xfId="0" applyFont="1" applyFill="1" applyBorder="1" applyAlignment="1">
      <alignment vertical="center" wrapText="1"/>
    </xf>
    <xf numFmtId="0" fontId="7" fillId="2" borderId="4" xfId="0" applyFont="1" applyFill="1" applyBorder="1" applyAlignment="1">
      <alignment vertical="center" wrapText="1"/>
    </xf>
    <xf numFmtId="0" fontId="7" fillId="2" borderId="7" xfId="0" applyFont="1" applyFill="1" applyBorder="1" applyAlignment="1">
      <alignment vertical="center" wrapText="1"/>
    </xf>
    <xf numFmtId="0" fontId="7" fillId="2" borderId="3" xfId="0" applyFont="1" applyFill="1" applyBorder="1" applyAlignment="1">
      <alignment vertical="center" wrapText="1"/>
    </xf>
    <xf numFmtId="0" fontId="5" fillId="2" borderId="0" xfId="0" applyFont="1" applyFill="1" applyBorder="1" applyAlignment="1">
      <alignment vertical="center" wrapText="1"/>
    </xf>
    <xf numFmtId="0" fontId="0" fillId="0" borderId="0" xfId="0" applyFont="1" applyBorder="1">
      <alignment vertical="center"/>
    </xf>
    <xf numFmtId="0" fontId="5" fillId="2" borderId="0" xfId="0" applyFont="1" applyFill="1" applyBorder="1">
      <alignment vertical="center"/>
    </xf>
    <xf numFmtId="0" fontId="0" fillId="2" borderId="0" xfId="0" applyFont="1" applyFill="1" applyBorder="1">
      <alignment vertical="center"/>
    </xf>
    <xf numFmtId="0" fontId="7" fillId="2" borderId="0" xfId="0" applyFont="1" applyFill="1" applyBorder="1">
      <alignment vertical="center"/>
    </xf>
    <xf numFmtId="0" fontId="6" fillId="2" borderId="0" xfId="0" applyFont="1" applyFill="1" applyBorder="1">
      <alignment vertical="center"/>
    </xf>
    <xf numFmtId="0" fontId="2" fillId="2" borderId="0" xfId="0" applyFont="1" applyFill="1" applyBorder="1" applyAlignment="1">
      <alignment horizontal="center" vertical="center"/>
    </xf>
    <xf numFmtId="0" fontId="0" fillId="0" borderId="6" xfId="0" applyFont="1" applyBorder="1">
      <alignment vertical="center"/>
    </xf>
    <xf numFmtId="3" fontId="0" fillId="0" borderId="0" xfId="0" applyNumberFormat="1">
      <alignment vertical="center"/>
    </xf>
    <xf numFmtId="177" fontId="0" fillId="0" borderId="0" xfId="3" applyNumberFormat="1" applyFont="1">
      <alignment vertical="center"/>
    </xf>
    <xf numFmtId="0" fontId="0" fillId="0" borderId="7" xfId="0" applyFont="1" applyBorder="1">
      <alignment vertical="center"/>
    </xf>
    <xf numFmtId="38" fontId="5" fillId="2" borderId="12" xfId="1" applyFont="1" applyFill="1" applyBorder="1" applyAlignment="1">
      <alignment vertical="center" wrapText="1"/>
    </xf>
    <xf numFmtId="38" fontId="5" fillId="2" borderId="13" xfId="1" applyFont="1" applyFill="1" applyBorder="1" applyAlignment="1">
      <alignment vertical="center" wrapText="1"/>
    </xf>
    <xf numFmtId="38" fontId="5" fillId="2" borderId="14" xfId="1" applyFont="1" applyFill="1" applyBorder="1" applyAlignment="1">
      <alignment vertical="center" wrapText="1"/>
    </xf>
    <xf numFmtId="38" fontId="5" fillId="2" borderId="4" xfId="1" applyFont="1" applyFill="1" applyBorder="1" applyAlignment="1">
      <alignment vertical="center" wrapText="1"/>
    </xf>
    <xf numFmtId="38" fontId="5" fillId="2" borderId="7" xfId="1" applyFont="1" applyFill="1" applyBorder="1" applyAlignment="1">
      <alignment vertical="center" wrapText="1"/>
    </xf>
    <xf numFmtId="38" fontId="5" fillId="2" borderId="3" xfId="1" applyFont="1" applyFill="1" applyBorder="1" applyAlignment="1">
      <alignment vertical="center" wrapText="1"/>
    </xf>
    <xf numFmtId="38" fontId="5" fillId="2" borderId="13" xfId="1" applyFont="1" applyFill="1" applyBorder="1" applyAlignment="1">
      <alignment horizontal="center" vertical="center"/>
    </xf>
    <xf numFmtId="38" fontId="5" fillId="2" borderId="0" xfId="1" applyFont="1" applyFill="1" applyBorder="1" applyAlignment="1">
      <alignment horizontal="center" vertical="center" wrapText="1"/>
    </xf>
    <xf numFmtId="38" fontId="5" fillId="2" borderId="0" xfId="1" applyFont="1" applyFill="1" applyBorder="1" applyAlignment="1">
      <alignment vertical="center" wrapText="1"/>
    </xf>
    <xf numFmtId="0" fontId="5" fillId="2" borderId="4" xfId="0" applyFont="1" applyFill="1" applyBorder="1" applyAlignment="1">
      <alignment vertical="center" wrapText="1"/>
    </xf>
    <xf numFmtId="3" fontId="0" fillId="3" borderId="0" xfId="0" applyNumberFormat="1" applyFill="1">
      <alignment vertical="center"/>
    </xf>
    <xf numFmtId="38" fontId="0" fillId="3" borderId="0" xfId="1" applyFont="1" applyFill="1">
      <alignment vertical="center"/>
    </xf>
    <xf numFmtId="0" fontId="0" fillId="0" borderId="12" xfId="0" applyFont="1" applyBorder="1" applyAlignment="1">
      <alignment vertical="center"/>
    </xf>
    <xf numFmtId="0" fontId="0" fillId="0" borderId="13" xfId="0" applyFont="1" applyBorder="1" applyAlignment="1">
      <alignment vertical="center"/>
    </xf>
    <xf numFmtId="0" fontId="0" fillId="0" borderId="14" xfId="0" applyFont="1" applyBorder="1" applyAlignment="1">
      <alignment vertical="center"/>
    </xf>
    <xf numFmtId="38" fontId="5" fillId="2" borderId="12" xfId="1" applyFont="1" applyFill="1" applyBorder="1" applyAlignment="1">
      <alignment vertical="center" wrapText="1"/>
    </xf>
    <xf numFmtId="38" fontId="5" fillId="2" borderId="13" xfId="1" applyFont="1" applyFill="1" applyBorder="1" applyAlignment="1">
      <alignment vertical="center" wrapText="1"/>
    </xf>
    <xf numFmtId="38" fontId="5" fillId="2" borderId="14" xfId="1" applyFont="1" applyFill="1" applyBorder="1" applyAlignment="1">
      <alignment vertical="center" wrapText="1"/>
    </xf>
    <xf numFmtId="38" fontId="5" fillId="2" borderId="8" xfId="1" applyFont="1" applyFill="1" applyBorder="1" applyAlignment="1">
      <alignment horizontal="center" vertical="center" wrapText="1"/>
    </xf>
    <xf numFmtId="38" fontId="5" fillId="2" borderId="6" xfId="1" applyFont="1" applyFill="1" applyBorder="1" applyAlignment="1">
      <alignment horizontal="center" vertical="center" wrapText="1"/>
    </xf>
    <xf numFmtId="38" fontId="5" fillId="2" borderId="5" xfId="1" applyFont="1" applyFill="1" applyBorder="1" applyAlignment="1">
      <alignment horizontal="center" vertical="center" wrapText="1"/>
    </xf>
    <xf numFmtId="38" fontId="5" fillId="2" borderId="4" xfId="1" applyFont="1" applyFill="1" applyBorder="1" applyAlignment="1">
      <alignment horizontal="center" vertical="center" wrapText="1"/>
    </xf>
    <xf numFmtId="38" fontId="5" fillId="2" borderId="7" xfId="1" applyFont="1" applyFill="1" applyBorder="1" applyAlignment="1">
      <alignment horizontal="center" vertical="center" wrapText="1"/>
    </xf>
    <xf numFmtId="38" fontId="5" fillId="2" borderId="3" xfId="1" applyFont="1" applyFill="1" applyBorder="1" applyAlignment="1">
      <alignment horizontal="center" vertical="center" wrapText="1"/>
    </xf>
    <xf numFmtId="38" fontId="5" fillId="2" borderId="8" xfId="1" applyFont="1" applyFill="1" applyBorder="1" applyAlignment="1">
      <alignment vertical="center" wrapText="1"/>
    </xf>
    <xf numFmtId="38" fontId="5" fillId="2" borderId="6" xfId="1" applyFont="1" applyFill="1" applyBorder="1" applyAlignment="1">
      <alignment vertical="center" wrapText="1"/>
    </xf>
    <xf numFmtId="38" fontId="5" fillId="2" borderId="5" xfId="1" applyFont="1" applyFill="1" applyBorder="1" applyAlignment="1">
      <alignment vertical="center" wrapText="1"/>
    </xf>
    <xf numFmtId="38" fontId="5" fillId="2" borderId="15" xfId="1" applyFont="1" applyFill="1" applyBorder="1" applyAlignment="1">
      <alignment vertical="center" wrapText="1"/>
    </xf>
    <xf numFmtId="38" fontId="5" fillId="2" borderId="16" xfId="1" applyFont="1" applyFill="1" applyBorder="1" applyAlignment="1">
      <alignment vertical="center" wrapText="1"/>
    </xf>
    <xf numFmtId="38" fontId="5" fillId="2" borderId="17" xfId="1" applyFont="1" applyFill="1" applyBorder="1" applyAlignment="1">
      <alignment vertical="center" wrapText="1"/>
    </xf>
    <xf numFmtId="38" fontId="5" fillId="2" borderId="4" xfId="1" applyFont="1" applyFill="1" applyBorder="1" applyAlignment="1">
      <alignment vertical="center" wrapText="1"/>
    </xf>
    <xf numFmtId="38" fontId="5" fillId="2" borderId="7" xfId="1" applyFont="1" applyFill="1" applyBorder="1" applyAlignment="1">
      <alignment vertical="center" wrapText="1"/>
    </xf>
    <xf numFmtId="38" fontId="5" fillId="2" borderId="3" xfId="1" applyFont="1" applyFill="1" applyBorder="1" applyAlignment="1">
      <alignment vertical="center" wrapText="1"/>
    </xf>
    <xf numFmtId="176" fontId="5" fillId="2" borderId="8" xfId="1" applyNumberFormat="1" applyFont="1" applyFill="1" applyBorder="1" applyAlignment="1">
      <alignment vertical="center" wrapText="1"/>
    </xf>
    <xf numFmtId="176" fontId="5" fillId="2" borderId="6" xfId="1" applyNumberFormat="1" applyFont="1" applyFill="1" applyBorder="1" applyAlignment="1">
      <alignment vertical="center" wrapText="1"/>
    </xf>
    <xf numFmtId="176" fontId="5" fillId="2" borderId="5" xfId="1" applyNumberFormat="1" applyFont="1" applyFill="1" applyBorder="1" applyAlignment="1">
      <alignment vertical="center" wrapText="1"/>
    </xf>
    <xf numFmtId="176" fontId="5" fillId="2" borderId="4" xfId="1" applyNumberFormat="1" applyFont="1" applyFill="1" applyBorder="1" applyAlignment="1">
      <alignment vertical="center" wrapText="1"/>
    </xf>
    <xf numFmtId="176" fontId="5" fillId="2" borderId="7" xfId="1" applyNumberFormat="1" applyFont="1" applyFill="1" applyBorder="1" applyAlignment="1">
      <alignment vertical="center" wrapText="1"/>
    </xf>
    <xf numFmtId="176" fontId="5" fillId="2" borderId="3" xfId="1" applyNumberFormat="1" applyFont="1" applyFill="1" applyBorder="1" applyAlignment="1">
      <alignment vertical="center" wrapText="1"/>
    </xf>
    <xf numFmtId="176" fontId="5" fillId="2" borderId="15" xfId="1" applyNumberFormat="1" applyFont="1" applyFill="1" applyBorder="1" applyAlignment="1">
      <alignment vertical="center" wrapText="1"/>
    </xf>
    <xf numFmtId="176" fontId="5" fillId="2" borderId="16" xfId="1" applyNumberFormat="1" applyFont="1" applyFill="1" applyBorder="1" applyAlignment="1">
      <alignment vertical="center" wrapText="1"/>
    </xf>
    <xf numFmtId="176" fontId="5" fillId="2" borderId="17" xfId="1" applyNumberFormat="1" applyFont="1" applyFill="1" applyBorder="1" applyAlignment="1">
      <alignment vertical="center" wrapText="1"/>
    </xf>
    <xf numFmtId="0" fontId="7" fillId="2" borderId="8" xfId="0" applyFont="1" applyFill="1" applyBorder="1" applyAlignment="1">
      <alignment horizontal="center" vertical="center" wrapText="1"/>
    </xf>
    <xf numFmtId="0" fontId="7" fillId="2" borderId="6" xfId="0" applyFont="1" applyFill="1" applyBorder="1" applyAlignment="1">
      <alignment horizontal="center" vertical="center" wrapText="1"/>
    </xf>
    <xf numFmtId="0" fontId="7" fillId="2" borderId="5" xfId="0" applyFont="1" applyFill="1" applyBorder="1" applyAlignment="1">
      <alignment horizontal="center" vertical="center" wrapText="1"/>
    </xf>
    <xf numFmtId="0" fontId="7" fillId="2" borderId="1" xfId="0" applyFont="1" applyFill="1" applyBorder="1" applyAlignment="1">
      <alignment horizontal="center" vertical="center" wrapText="1"/>
    </xf>
    <xf numFmtId="0" fontId="7" fillId="2" borderId="0" xfId="0" applyFont="1" applyFill="1" applyAlignment="1">
      <alignment horizontal="center" vertical="center" wrapText="1"/>
    </xf>
    <xf numFmtId="0" fontId="7" fillId="2" borderId="2" xfId="0" applyFont="1" applyFill="1" applyBorder="1" applyAlignment="1">
      <alignment horizontal="center" vertical="center" wrapText="1"/>
    </xf>
    <xf numFmtId="0" fontId="7" fillId="2" borderId="4" xfId="0" applyFont="1" applyFill="1" applyBorder="1" applyAlignment="1">
      <alignment horizontal="center" vertical="center" wrapText="1"/>
    </xf>
    <xf numFmtId="0" fontId="7" fillId="2" borderId="7" xfId="0" applyFont="1" applyFill="1" applyBorder="1" applyAlignment="1">
      <alignment horizontal="center" vertical="center" wrapText="1"/>
    </xf>
    <xf numFmtId="0" fontId="7" fillId="2" borderId="3" xfId="0" applyFont="1" applyFill="1" applyBorder="1" applyAlignment="1">
      <alignment horizontal="center" vertical="center" wrapText="1"/>
    </xf>
    <xf numFmtId="38" fontId="5" fillId="2" borderId="12" xfId="1" applyFont="1" applyFill="1" applyBorder="1" applyAlignment="1">
      <alignment horizontal="center" vertical="center"/>
    </xf>
    <xf numFmtId="38" fontId="5" fillId="2" borderId="13" xfId="1" applyFont="1" applyFill="1" applyBorder="1" applyAlignment="1">
      <alignment horizontal="center" vertical="center"/>
    </xf>
    <xf numFmtId="38" fontId="5" fillId="2" borderId="14" xfId="1" applyFont="1" applyFill="1" applyBorder="1" applyAlignment="1">
      <alignment horizontal="center" vertical="center"/>
    </xf>
    <xf numFmtId="0" fontId="6" fillId="2" borderId="7" xfId="0" applyFont="1" applyFill="1" applyBorder="1" applyAlignment="1">
      <alignment horizontal="right" vertical="center"/>
    </xf>
    <xf numFmtId="0" fontId="5" fillId="2" borderId="12" xfId="0" applyFont="1" applyFill="1" applyBorder="1" applyAlignment="1">
      <alignment horizontal="center" vertical="center"/>
    </xf>
    <xf numFmtId="0" fontId="5" fillId="2" borderId="13" xfId="0" applyFont="1" applyFill="1" applyBorder="1" applyAlignment="1">
      <alignment horizontal="center" vertical="center"/>
    </xf>
    <xf numFmtId="0" fontId="5" fillId="2" borderId="14" xfId="0" applyFont="1" applyFill="1" applyBorder="1" applyAlignment="1">
      <alignment horizontal="center" vertical="center"/>
    </xf>
    <xf numFmtId="38" fontId="5" fillId="2" borderId="21" xfId="1" applyFont="1" applyFill="1" applyBorder="1" applyAlignment="1">
      <alignment horizontal="center" vertical="center"/>
    </xf>
    <xf numFmtId="0" fontId="7" fillId="2" borderId="8" xfId="0" applyFont="1" applyFill="1" applyBorder="1" applyAlignment="1">
      <alignment horizontal="center" vertical="center" wrapText="1" shrinkToFit="1"/>
    </xf>
    <xf numFmtId="0" fontId="7" fillId="2" borderId="6" xfId="0" applyFont="1" applyFill="1" applyBorder="1" applyAlignment="1">
      <alignment horizontal="center" vertical="center" wrapText="1" shrinkToFit="1"/>
    </xf>
    <xf numFmtId="0" fontId="7" fillId="2" borderId="5" xfId="0" applyFont="1" applyFill="1" applyBorder="1" applyAlignment="1">
      <alignment horizontal="center" vertical="center" wrapText="1" shrinkToFit="1"/>
    </xf>
    <xf numFmtId="0" fontId="7" fillId="2" borderId="1" xfId="0" applyFont="1" applyFill="1" applyBorder="1" applyAlignment="1">
      <alignment horizontal="center" vertical="center" wrapText="1" shrinkToFit="1"/>
    </xf>
    <xf numFmtId="0" fontId="7" fillId="2" borderId="0" xfId="0" applyFont="1" applyFill="1" applyAlignment="1">
      <alignment horizontal="center" vertical="center" wrapText="1" shrinkToFit="1"/>
    </xf>
    <xf numFmtId="0" fontId="7" fillId="2" borderId="2" xfId="0" applyFont="1" applyFill="1" applyBorder="1" applyAlignment="1">
      <alignment horizontal="center" vertical="center" wrapText="1" shrinkToFit="1"/>
    </xf>
    <xf numFmtId="0" fontId="7" fillId="2" borderId="4" xfId="0" applyFont="1" applyFill="1" applyBorder="1" applyAlignment="1">
      <alignment horizontal="center" vertical="center" wrapText="1" shrinkToFit="1"/>
    </xf>
    <xf numFmtId="0" fontId="7" fillId="2" borderId="7" xfId="0" applyFont="1" applyFill="1" applyBorder="1" applyAlignment="1">
      <alignment horizontal="center" vertical="center" wrapText="1" shrinkToFit="1"/>
    </xf>
    <xf numFmtId="0" fontId="7" fillId="2" borderId="3" xfId="0" applyFont="1" applyFill="1" applyBorder="1" applyAlignment="1">
      <alignment horizontal="center" vertical="center" wrapText="1" shrinkToFit="1"/>
    </xf>
    <xf numFmtId="38" fontId="5" fillId="2" borderId="8" xfId="1" applyFont="1" applyFill="1" applyBorder="1" applyAlignment="1">
      <alignment horizontal="right" vertical="center"/>
    </xf>
    <xf numFmtId="38" fontId="5" fillId="2" borderId="6" xfId="1" applyFont="1" applyFill="1" applyBorder="1" applyAlignment="1">
      <alignment horizontal="right" vertical="center"/>
    </xf>
    <xf numFmtId="38" fontId="5" fillId="2" borderId="5" xfId="1" applyFont="1" applyFill="1" applyBorder="1" applyAlignment="1">
      <alignment horizontal="right" vertical="center"/>
    </xf>
    <xf numFmtId="38" fontId="5" fillId="2" borderId="4" xfId="1" applyFont="1" applyFill="1" applyBorder="1" applyAlignment="1">
      <alignment horizontal="right" vertical="center"/>
    </xf>
    <xf numFmtId="38" fontId="5" fillId="2" borderId="7" xfId="1" applyFont="1" applyFill="1" applyBorder="1" applyAlignment="1">
      <alignment horizontal="right" vertical="center"/>
    </xf>
    <xf numFmtId="38" fontId="5" fillId="2" borderId="3" xfId="1" applyFont="1" applyFill="1" applyBorder="1" applyAlignment="1">
      <alignment horizontal="right" vertical="center"/>
    </xf>
    <xf numFmtId="38" fontId="5" fillId="2" borderId="4" xfId="1" applyFont="1" applyFill="1" applyBorder="1" applyAlignment="1">
      <alignment horizontal="center" vertical="center"/>
    </xf>
    <xf numFmtId="38" fontId="5" fillId="2" borderId="7" xfId="1" applyFont="1" applyFill="1" applyBorder="1" applyAlignment="1">
      <alignment horizontal="center" vertical="center"/>
    </xf>
    <xf numFmtId="38" fontId="5" fillId="2" borderId="3" xfId="1" applyFont="1" applyFill="1" applyBorder="1" applyAlignment="1">
      <alignment horizontal="center" vertical="center"/>
    </xf>
    <xf numFmtId="38" fontId="5" fillId="2" borderId="8" xfId="1" applyFont="1" applyFill="1" applyBorder="1" applyAlignment="1">
      <alignment horizontal="center" vertical="center"/>
    </xf>
    <xf numFmtId="38" fontId="5" fillId="2" borderId="6" xfId="1" applyFont="1" applyFill="1" applyBorder="1" applyAlignment="1">
      <alignment horizontal="center" vertical="center"/>
    </xf>
    <xf numFmtId="38" fontId="5" fillId="2" borderId="5" xfId="1" applyFont="1" applyFill="1" applyBorder="1" applyAlignment="1">
      <alignment horizontal="center" vertical="center"/>
    </xf>
    <xf numFmtId="38" fontId="5" fillId="2" borderId="18" xfId="1" applyFont="1" applyFill="1" applyBorder="1" applyAlignment="1">
      <alignment horizontal="center" vertical="center"/>
    </xf>
    <xf numFmtId="38" fontId="5" fillId="2" borderId="19" xfId="1" applyFont="1" applyFill="1" applyBorder="1" applyAlignment="1">
      <alignment horizontal="center" vertical="center"/>
    </xf>
    <xf numFmtId="38" fontId="5" fillId="2" borderId="20" xfId="1" applyFont="1" applyFill="1" applyBorder="1" applyAlignment="1">
      <alignment horizontal="center" vertical="center"/>
    </xf>
    <xf numFmtId="40" fontId="5" fillId="2" borderId="8" xfId="1" applyNumberFormat="1" applyFont="1" applyFill="1" applyBorder="1" applyAlignment="1">
      <alignment horizontal="center" vertical="center"/>
    </xf>
    <xf numFmtId="40" fontId="5" fillId="2" borderId="6" xfId="1" applyNumberFormat="1" applyFont="1" applyFill="1" applyBorder="1" applyAlignment="1">
      <alignment horizontal="center" vertical="center"/>
    </xf>
    <xf numFmtId="40" fontId="5" fillId="2" borderId="5" xfId="1" applyNumberFormat="1" applyFont="1" applyFill="1" applyBorder="1" applyAlignment="1">
      <alignment horizontal="center" vertical="center"/>
    </xf>
    <xf numFmtId="40" fontId="5" fillId="2" borderId="15" xfId="1" applyNumberFormat="1" applyFont="1" applyFill="1" applyBorder="1" applyAlignment="1">
      <alignment horizontal="center" vertical="center"/>
    </xf>
    <xf numFmtId="40" fontId="5" fillId="2" borderId="16" xfId="1" applyNumberFormat="1" applyFont="1" applyFill="1" applyBorder="1" applyAlignment="1">
      <alignment horizontal="center" vertical="center"/>
    </xf>
    <xf numFmtId="40" fontId="5" fillId="2" borderId="17" xfId="1" applyNumberFormat="1" applyFont="1" applyFill="1" applyBorder="1" applyAlignment="1">
      <alignment horizontal="center" vertical="center"/>
    </xf>
    <xf numFmtId="38" fontId="5" fillId="2" borderId="22" xfId="1" applyFont="1" applyFill="1" applyBorder="1" applyAlignment="1">
      <alignment horizontal="center" vertical="center"/>
    </xf>
    <xf numFmtId="38" fontId="5" fillId="2" borderId="23" xfId="1" applyFont="1" applyFill="1" applyBorder="1" applyAlignment="1">
      <alignment horizontal="center" vertical="center"/>
    </xf>
    <xf numFmtId="38" fontId="5" fillId="2" borderId="24" xfId="1" applyFont="1" applyFill="1" applyBorder="1" applyAlignment="1">
      <alignment horizontal="center" vertical="center"/>
    </xf>
    <xf numFmtId="40" fontId="5" fillId="2" borderId="4" xfId="1" applyNumberFormat="1" applyFont="1" applyFill="1" applyBorder="1" applyAlignment="1">
      <alignment horizontal="center" vertical="center"/>
    </xf>
    <xf numFmtId="40" fontId="5" fillId="2" borderId="7" xfId="1" applyNumberFormat="1" applyFont="1" applyFill="1" applyBorder="1" applyAlignment="1">
      <alignment horizontal="center" vertical="center"/>
    </xf>
    <xf numFmtId="40" fontId="5" fillId="2" borderId="3" xfId="1" applyNumberFormat="1" applyFont="1" applyFill="1" applyBorder="1" applyAlignment="1">
      <alignment horizontal="center" vertical="center"/>
    </xf>
    <xf numFmtId="38" fontId="5" fillId="2" borderId="57" xfId="1" applyFont="1" applyFill="1" applyBorder="1" applyAlignment="1">
      <alignment vertical="center" wrapText="1"/>
    </xf>
    <xf numFmtId="38" fontId="5" fillId="2" borderId="39" xfId="1" applyFont="1" applyFill="1" applyBorder="1" applyAlignment="1">
      <alignment vertical="center" wrapText="1"/>
    </xf>
    <xf numFmtId="38" fontId="5" fillId="2" borderId="40" xfId="1" applyFont="1" applyFill="1" applyBorder="1" applyAlignment="1">
      <alignment vertical="center" wrapText="1"/>
    </xf>
    <xf numFmtId="38" fontId="5" fillId="2" borderId="66" xfId="1" applyFont="1" applyFill="1" applyBorder="1" applyAlignment="1">
      <alignment vertical="center" wrapText="1"/>
    </xf>
    <xf numFmtId="38" fontId="5" fillId="2" borderId="32" xfId="1" applyFont="1" applyFill="1" applyBorder="1" applyAlignment="1">
      <alignment vertical="center" wrapText="1"/>
    </xf>
    <xf numFmtId="38" fontId="5" fillId="2" borderId="60" xfId="1" applyFont="1" applyFill="1" applyBorder="1" applyAlignment="1">
      <alignment vertical="center" wrapText="1"/>
    </xf>
    <xf numFmtId="38" fontId="5" fillId="2" borderId="0" xfId="1" applyFont="1" applyFill="1" applyBorder="1" applyAlignment="1">
      <alignment horizontal="center" vertical="center" wrapText="1"/>
    </xf>
    <xf numFmtId="38" fontId="5" fillId="2" borderId="2" xfId="1" applyFont="1" applyFill="1" applyBorder="1" applyAlignment="1">
      <alignment horizontal="center" vertical="center" wrapText="1"/>
    </xf>
    <xf numFmtId="0" fontId="0" fillId="0" borderId="63" xfId="0" applyFont="1" applyBorder="1" applyAlignment="1">
      <alignment vertical="center"/>
    </xf>
    <xf numFmtId="0" fontId="0" fillId="0" borderId="64" xfId="0" applyFont="1" applyBorder="1" applyAlignment="1">
      <alignment vertical="center"/>
    </xf>
    <xf numFmtId="0" fontId="0" fillId="0" borderId="65" xfId="0" applyFont="1" applyBorder="1" applyAlignment="1">
      <alignment vertical="center"/>
    </xf>
    <xf numFmtId="38" fontId="5" fillId="2" borderId="13" xfId="1" applyFont="1" applyFill="1" applyBorder="1" applyAlignment="1">
      <alignment horizontal="center" vertical="center" wrapText="1"/>
    </xf>
    <xf numFmtId="38" fontId="5" fillId="2" borderId="14" xfId="1" applyFont="1" applyFill="1" applyBorder="1" applyAlignment="1">
      <alignment horizontal="center" vertical="center" wrapText="1"/>
    </xf>
    <xf numFmtId="38" fontId="5" fillId="2" borderId="12" xfId="1" applyFont="1" applyFill="1" applyBorder="1" applyAlignment="1">
      <alignment horizontal="center" vertical="center" wrapText="1"/>
    </xf>
    <xf numFmtId="38" fontId="5" fillId="2" borderId="63" xfId="1" applyFont="1" applyFill="1" applyBorder="1" applyAlignment="1">
      <alignment vertical="center" wrapText="1"/>
    </xf>
    <xf numFmtId="38" fontId="5" fillId="2" borderId="64" xfId="1" applyFont="1" applyFill="1" applyBorder="1" applyAlignment="1">
      <alignment vertical="center" wrapText="1"/>
    </xf>
    <xf numFmtId="38" fontId="5" fillId="2" borderId="65" xfId="1" applyFont="1" applyFill="1" applyBorder="1" applyAlignment="1">
      <alignment vertical="center" wrapText="1"/>
    </xf>
    <xf numFmtId="38" fontId="5" fillId="2" borderId="68" xfId="1" applyFont="1" applyFill="1" applyBorder="1" applyAlignment="1">
      <alignment vertical="center" wrapText="1"/>
    </xf>
    <xf numFmtId="38" fontId="5" fillId="2" borderId="67" xfId="1" applyFont="1" applyFill="1" applyBorder="1" applyAlignment="1">
      <alignment vertical="center" wrapText="1"/>
    </xf>
    <xf numFmtId="0" fontId="6" fillId="2" borderId="8" xfId="0" applyFont="1" applyFill="1" applyBorder="1" applyAlignment="1">
      <alignment horizontal="center" vertical="center" shrinkToFit="1"/>
    </xf>
    <xf numFmtId="0" fontId="6" fillId="2" borderId="6" xfId="0" applyFont="1" applyFill="1" applyBorder="1" applyAlignment="1">
      <alignment horizontal="center" vertical="center" shrinkToFit="1"/>
    </xf>
    <xf numFmtId="0" fontId="6" fillId="2" borderId="5" xfId="0" applyFont="1" applyFill="1" applyBorder="1" applyAlignment="1">
      <alignment horizontal="center" vertical="center" shrinkToFit="1"/>
    </xf>
    <xf numFmtId="0" fontId="6" fillId="2" borderId="1" xfId="0" applyFont="1" applyFill="1" applyBorder="1" applyAlignment="1">
      <alignment horizontal="center" vertical="center" shrinkToFit="1"/>
    </xf>
    <xf numFmtId="0" fontId="6" fillId="2" borderId="0" xfId="0" applyFont="1" applyFill="1" applyAlignment="1">
      <alignment horizontal="center" vertical="center" shrinkToFit="1"/>
    </xf>
    <xf numFmtId="0" fontId="6" fillId="2" borderId="2" xfId="0" applyFont="1" applyFill="1" applyBorder="1" applyAlignment="1">
      <alignment horizontal="center" vertical="center" shrinkToFit="1"/>
    </xf>
    <xf numFmtId="38" fontId="5" fillId="2" borderId="15" xfId="1" applyFont="1" applyFill="1" applyBorder="1" applyAlignment="1">
      <alignment horizontal="center" vertical="center" wrapText="1"/>
    </xf>
    <xf numFmtId="38" fontId="5" fillId="2" borderId="16" xfId="1" applyFont="1" applyFill="1" applyBorder="1" applyAlignment="1">
      <alignment horizontal="center" vertical="center" wrapText="1"/>
    </xf>
    <xf numFmtId="38" fontId="5" fillId="2" borderId="17" xfId="1" applyFont="1" applyFill="1" applyBorder="1" applyAlignment="1">
      <alignment horizontal="center" vertical="center" wrapText="1"/>
    </xf>
    <xf numFmtId="176" fontId="5" fillId="2" borderId="0" xfId="1" applyNumberFormat="1" applyFont="1" applyFill="1" applyBorder="1" applyAlignment="1">
      <alignment horizontal="center" vertical="center" wrapText="1"/>
    </xf>
    <xf numFmtId="176" fontId="5" fillId="2" borderId="2" xfId="1" applyNumberFormat="1" applyFont="1" applyFill="1" applyBorder="1" applyAlignment="1">
      <alignment horizontal="center" vertical="center" wrapText="1"/>
    </xf>
    <xf numFmtId="176" fontId="5" fillId="2" borderId="30" xfId="1" applyNumberFormat="1" applyFont="1" applyFill="1" applyBorder="1" applyAlignment="1">
      <alignment vertical="center" wrapText="1"/>
    </xf>
    <xf numFmtId="176" fontId="5" fillId="2" borderId="34" xfId="1" applyNumberFormat="1" applyFont="1" applyFill="1" applyBorder="1" applyAlignment="1">
      <alignment vertical="center" wrapText="1"/>
    </xf>
    <xf numFmtId="176" fontId="5" fillId="2" borderId="48" xfId="1" applyNumberFormat="1" applyFont="1" applyFill="1" applyBorder="1" applyAlignment="1">
      <alignment vertical="center" wrapText="1"/>
    </xf>
    <xf numFmtId="176" fontId="5" fillId="2" borderId="26" xfId="1" applyNumberFormat="1" applyFont="1" applyFill="1" applyBorder="1" applyAlignment="1">
      <alignment vertical="center" wrapText="1"/>
    </xf>
    <xf numFmtId="176" fontId="5" fillId="2" borderId="32" xfId="1" applyNumberFormat="1" applyFont="1" applyFill="1" applyBorder="1" applyAlignment="1">
      <alignment vertical="center" wrapText="1"/>
    </xf>
    <xf numFmtId="176" fontId="5" fillId="2" borderId="60" xfId="1" applyNumberFormat="1" applyFont="1" applyFill="1" applyBorder="1" applyAlignment="1">
      <alignment vertical="center" wrapText="1"/>
    </xf>
    <xf numFmtId="38" fontId="5" fillId="2" borderId="30" xfId="1" applyFont="1" applyFill="1" applyBorder="1" applyAlignment="1">
      <alignment horizontal="center" vertical="center" wrapText="1"/>
    </xf>
    <xf numFmtId="38" fontId="5" fillId="2" borderId="34" xfId="1" applyFont="1" applyFill="1" applyBorder="1" applyAlignment="1">
      <alignment horizontal="center" vertical="center" wrapText="1"/>
    </xf>
    <xf numFmtId="38" fontId="5" fillId="2" borderId="48" xfId="1" applyFont="1" applyFill="1" applyBorder="1" applyAlignment="1">
      <alignment horizontal="center" vertical="center" wrapText="1"/>
    </xf>
    <xf numFmtId="38" fontId="5" fillId="2" borderId="26" xfId="1" applyFont="1" applyFill="1" applyBorder="1" applyAlignment="1">
      <alignment horizontal="center" vertical="center" wrapText="1"/>
    </xf>
    <xf numFmtId="38" fontId="5" fillId="2" borderId="32" xfId="1" applyFont="1" applyFill="1" applyBorder="1" applyAlignment="1">
      <alignment horizontal="center" vertical="center" wrapText="1"/>
    </xf>
    <xf numFmtId="38" fontId="5" fillId="2" borderId="60" xfId="1" applyFont="1" applyFill="1" applyBorder="1" applyAlignment="1">
      <alignment horizontal="center" vertical="center" wrapText="1"/>
    </xf>
    <xf numFmtId="38" fontId="5" fillId="2" borderId="1" xfId="1" applyFont="1" applyFill="1" applyBorder="1" applyAlignment="1">
      <alignment horizontal="center" vertical="center" wrapText="1"/>
    </xf>
    <xf numFmtId="38" fontId="5" fillId="2" borderId="52" xfId="1" applyFont="1" applyFill="1" applyBorder="1" applyAlignment="1">
      <alignment horizontal="center" vertical="center" wrapText="1"/>
    </xf>
    <xf numFmtId="38" fontId="5" fillId="2" borderId="39" xfId="1" applyFont="1" applyFill="1" applyBorder="1" applyAlignment="1">
      <alignment horizontal="center" vertical="center" wrapText="1"/>
    </xf>
    <xf numFmtId="38" fontId="5" fillId="2" borderId="40" xfId="1" applyFont="1" applyFill="1" applyBorder="1" applyAlignment="1">
      <alignment horizontal="center" vertical="center" wrapText="1"/>
    </xf>
    <xf numFmtId="38" fontId="5" fillId="2" borderId="53" xfId="1" applyFont="1" applyFill="1" applyBorder="1" applyAlignment="1">
      <alignment horizontal="center" vertical="center" wrapText="1"/>
    </xf>
    <xf numFmtId="38" fontId="5" fillId="2" borderId="41" xfId="1" applyFont="1" applyFill="1" applyBorder="1" applyAlignment="1">
      <alignment horizontal="center" vertical="center" wrapText="1"/>
    </xf>
    <xf numFmtId="38" fontId="5" fillId="2" borderId="42" xfId="1" applyFont="1" applyFill="1" applyBorder="1" applyAlignment="1">
      <alignment horizontal="center" vertical="center" wrapText="1"/>
    </xf>
    <xf numFmtId="38" fontId="5" fillId="2" borderId="52" xfId="1" applyFont="1" applyFill="1" applyBorder="1" applyAlignment="1">
      <alignment vertical="center" wrapText="1"/>
    </xf>
    <xf numFmtId="38" fontId="5" fillId="2" borderId="55" xfId="1" applyFont="1" applyFill="1" applyBorder="1" applyAlignment="1">
      <alignment vertical="center" wrapText="1"/>
    </xf>
    <xf numFmtId="38" fontId="5" fillId="2" borderId="53" xfId="1" applyFont="1" applyFill="1" applyBorder="1" applyAlignment="1">
      <alignment vertical="center" wrapText="1"/>
    </xf>
    <xf numFmtId="38" fontId="5" fillId="2" borderId="41" xfId="1" applyFont="1" applyFill="1" applyBorder="1" applyAlignment="1">
      <alignment vertical="center" wrapText="1"/>
    </xf>
    <xf numFmtId="38" fontId="5" fillId="2" borderId="56" xfId="1" applyFont="1" applyFill="1" applyBorder="1" applyAlignment="1">
      <alignment vertical="center" wrapText="1"/>
    </xf>
    <xf numFmtId="38" fontId="5" fillId="2" borderId="58" xfId="1" applyFont="1" applyFill="1" applyBorder="1" applyAlignment="1">
      <alignment vertical="center" wrapText="1"/>
    </xf>
    <xf numFmtId="38" fontId="5" fillId="2" borderId="42" xfId="1" applyFont="1" applyFill="1" applyBorder="1" applyAlignment="1">
      <alignment vertical="center" wrapText="1"/>
    </xf>
    <xf numFmtId="176" fontId="5" fillId="2" borderId="6" xfId="1" applyNumberFormat="1" applyFont="1" applyFill="1" applyBorder="1" applyAlignment="1">
      <alignment horizontal="center" vertical="center" wrapText="1"/>
    </xf>
    <xf numFmtId="176" fontId="5" fillId="2" borderId="5" xfId="1" applyNumberFormat="1" applyFont="1" applyFill="1" applyBorder="1" applyAlignment="1">
      <alignment horizontal="center" vertical="center" wrapText="1"/>
    </xf>
    <xf numFmtId="176" fontId="5" fillId="2" borderId="7" xfId="1" applyNumberFormat="1" applyFont="1" applyFill="1" applyBorder="1" applyAlignment="1">
      <alignment horizontal="center" vertical="center" wrapText="1"/>
    </xf>
    <xf numFmtId="176" fontId="5" fillId="2" borderId="3" xfId="1" applyNumberFormat="1" applyFont="1" applyFill="1" applyBorder="1" applyAlignment="1">
      <alignment horizontal="center" vertical="center" wrapText="1"/>
    </xf>
    <xf numFmtId="176" fontId="5" fillId="2" borderId="52" xfId="1" applyNumberFormat="1" applyFont="1" applyFill="1" applyBorder="1" applyAlignment="1">
      <alignment vertical="center" wrapText="1"/>
    </xf>
    <xf numFmtId="176" fontId="5" fillId="2" borderId="39" xfId="1" applyNumberFormat="1" applyFont="1" applyFill="1" applyBorder="1" applyAlignment="1">
      <alignment vertical="center" wrapText="1"/>
    </xf>
    <xf numFmtId="176" fontId="5" fillId="2" borderId="40" xfId="1" applyNumberFormat="1" applyFont="1" applyFill="1" applyBorder="1" applyAlignment="1">
      <alignment vertical="center" wrapText="1"/>
    </xf>
    <xf numFmtId="176" fontId="5" fillId="2" borderId="53" xfId="1" applyNumberFormat="1" applyFont="1" applyFill="1" applyBorder="1" applyAlignment="1">
      <alignment vertical="center" wrapText="1"/>
    </xf>
    <xf numFmtId="176" fontId="5" fillId="2" borderId="41" xfId="1" applyNumberFormat="1" applyFont="1" applyFill="1" applyBorder="1" applyAlignment="1">
      <alignment vertical="center" wrapText="1"/>
    </xf>
    <xf numFmtId="176" fontId="5" fillId="2" borderId="42" xfId="1" applyNumberFormat="1" applyFont="1" applyFill="1" applyBorder="1" applyAlignment="1">
      <alignment vertical="center" wrapText="1"/>
    </xf>
    <xf numFmtId="38" fontId="5" fillId="2" borderId="30" xfId="1" applyFont="1" applyFill="1" applyBorder="1" applyAlignment="1">
      <alignment vertical="center" wrapText="1"/>
    </xf>
    <xf numFmtId="38" fontId="5" fillId="2" borderId="34" xfId="1" applyFont="1" applyFill="1" applyBorder="1" applyAlignment="1">
      <alignment vertical="center" wrapText="1"/>
    </xf>
    <xf numFmtId="38" fontId="5" fillId="2" borderId="29" xfId="1" applyFont="1" applyFill="1" applyBorder="1" applyAlignment="1">
      <alignment vertical="center" wrapText="1"/>
    </xf>
    <xf numFmtId="38" fontId="5" fillId="2" borderId="26" xfId="1" applyFont="1" applyFill="1" applyBorder="1" applyAlignment="1">
      <alignment vertical="center" wrapText="1"/>
    </xf>
    <xf numFmtId="38" fontId="5" fillId="2" borderId="25" xfId="1" applyFont="1" applyFill="1" applyBorder="1" applyAlignment="1">
      <alignment vertical="center" wrapText="1"/>
    </xf>
    <xf numFmtId="0" fontId="7" fillId="2" borderId="52" xfId="0" applyFont="1" applyFill="1" applyBorder="1" applyAlignment="1">
      <alignment horizontal="center" vertical="center" wrapText="1"/>
    </xf>
    <xf numFmtId="0" fontId="7" fillId="2" borderId="39" xfId="0" applyFont="1" applyFill="1" applyBorder="1" applyAlignment="1">
      <alignment horizontal="center" vertical="center" wrapText="1"/>
    </xf>
    <xf numFmtId="0" fontId="7" fillId="2" borderId="40" xfId="0" applyFont="1" applyFill="1" applyBorder="1" applyAlignment="1">
      <alignment horizontal="center" vertical="center" wrapText="1"/>
    </xf>
    <xf numFmtId="0" fontId="7" fillId="2" borderId="61" xfId="0" applyFont="1" applyFill="1" applyBorder="1" applyAlignment="1">
      <alignment horizontal="center" vertical="center" wrapText="1"/>
    </xf>
    <xf numFmtId="0" fontId="7" fillId="2" borderId="31" xfId="0" applyFont="1" applyFill="1" applyBorder="1" applyAlignment="1">
      <alignment horizontal="center" vertical="center" wrapText="1"/>
    </xf>
    <xf numFmtId="0" fontId="7" fillId="2" borderId="59" xfId="0" applyFont="1" applyFill="1" applyBorder="1" applyAlignment="1">
      <alignment horizontal="center" vertical="center" wrapText="1"/>
    </xf>
    <xf numFmtId="0" fontId="7" fillId="2" borderId="26" xfId="0" applyFont="1" applyFill="1" applyBorder="1" applyAlignment="1">
      <alignment horizontal="center" vertical="center" wrapText="1"/>
    </xf>
    <xf numFmtId="0" fontId="7" fillId="2" borderId="32" xfId="0" applyFont="1" applyFill="1" applyBorder="1" applyAlignment="1">
      <alignment horizontal="center" vertical="center" wrapText="1"/>
    </xf>
    <xf numFmtId="0" fontId="7" fillId="2" borderId="60" xfId="0" applyFont="1" applyFill="1" applyBorder="1" applyAlignment="1">
      <alignment horizontal="center" vertical="center" wrapText="1"/>
    </xf>
    <xf numFmtId="0" fontId="7" fillId="2" borderId="38" xfId="0" applyFont="1" applyFill="1" applyBorder="1" applyAlignment="1">
      <alignment horizontal="center" vertical="center" wrapText="1"/>
    </xf>
    <xf numFmtId="0" fontId="7" fillId="2" borderId="44" xfId="0" applyFont="1" applyFill="1" applyBorder="1" applyAlignment="1">
      <alignment horizontal="center" vertical="center" wrapText="1"/>
    </xf>
    <xf numFmtId="0" fontId="7" fillId="2" borderId="54" xfId="0" applyFont="1" applyFill="1" applyBorder="1" applyAlignment="1">
      <alignment horizontal="center" vertical="center" wrapText="1"/>
    </xf>
    <xf numFmtId="0" fontId="7" fillId="2" borderId="28" xfId="0" applyFont="1" applyFill="1" applyBorder="1" applyAlignment="1">
      <alignment horizontal="center" vertical="center" wrapText="1"/>
    </xf>
    <xf numFmtId="0" fontId="7" fillId="2" borderId="33" xfId="0" applyFont="1" applyFill="1" applyBorder="1" applyAlignment="1">
      <alignment horizontal="center" vertical="center" wrapText="1"/>
    </xf>
    <xf numFmtId="0" fontId="7" fillId="2" borderId="47" xfId="0" applyFont="1" applyFill="1" applyBorder="1" applyAlignment="1">
      <alignment horizontal="center" vertical="center" wrapText="1"/>
    </xf>
    <xf numFmtId="0" fontId="7" fillId="2" borderId="43" xfId="0" applyFont="1" applyFill="1" applyBorder="1" applyAlignment="1">
      <alignment horizontal="center" vertical="center" wrapText="1"/>
    </xf>
    <xf numFmtId="0" fontId="7" fillId="2" borderId="27" xfId="0" applyFont="1" applyFill="1" applyBorder="1" applyAlignment="1">
      <alignment horizontal="center" vertical="center" wrapText="1"/>
    </xf>
    <xf numFmtId="0" fontId="7" fillId="2" borderId="62" xfId="0" applyFont="1" applyFill="1" applyBorder="1" applyAlignment="1">
      <alignment horizontal="center" vertical="center" wrapText="1" shrinkToFit="1"/>
    </xf>
    <xf numFmtId="0" fontId="7" fillId="2" borderId="44" xfId="0" applyFont="1" applyFill="1" applyBorder="1" applyAlignment="1">
      <alignment horizontal="center" vertical="center" wrapText="1" shrinkToFit="1"/>
    </xf>
    <xf numFmtId="0" fontId="7" fillId="2" borderId="54" xfId="0" applyFont="1" applyFill="1" applyBorder="1" applyAlignment="1">
      <alignment horizontal="center" vertical="center" wrapText="1" shrinkToFit="1"/>
    </xf>
    <xf numFmtId="0" fontId="7" fillId="2" borderId="49" xfId="0" applyFont="1" applyFill="1" applyBorder="1" applyAlignment="1">
      <alignment horizontal="center" vertical="center" wrapText="1" shrinkToFit="1"/>
    </xf>
    <xf numFmtId="0" fontId="7" fillId="2" borderId="33" xfId="0" applyFont="1" applyFill="1" applyBorder="1" applyAlignment="1">
      <alignment horizontal="center" vertical="center" wrapText="1" shrinkToFit="1"/>
    </xf>
    <xf numFmtId="0" fontId="7" fillId="2" borderId="47" xfId="0" applyFont="1" applyFill="1" applyBorder="1" applyAlignment="1">
      <alignment horizontal="center" vertical="center" wrapText="1" shrinkToFit="1"/>
    </xf>
    <xf numFmtId="0" fontId="7" fillId="2" borderId="49" xfId="0" applyFont="1" applyFill="1" applyBorder="1" applyAlignment="1">
      <alignment horizontal="center" vertical="center" wrapText="1"/>
    </xf>
    <xf numFmtId="0" fontId="7" fillId="2" borderId="50" xfId="0" applyFont="1" applyFill="1" applyBorder="1" applyAlignment="1">
      <alignment horizontal="center" vertical="center" wrapText="1"/>
    </xf>
    <xf numFmtId="0" fontId="7" fillId="2" borderId="51" xfId="0" applyFont="1" applyFill="1" applyBorder="1" applyAlignment="1">
      <alignment horizontal="center" vertical="center" wrapText="1"/>
    </xf>
    <xf numFmtId="0" fontId="7" fillId="2" borderId="46" xfId="0" applyFont="1" applyFill="1" applyBorder="1" applyAlignment="1">
      <alignment horizontal="center" vertical="center" wrapText="1"/>
    </xf>
    <xf numFmtId="0" fontId="6" fillId="2" borderId="0" xfId="0" applyFont="1" applyFill="1" applyAlignment="1">
      <alignment horizontal="right" vertical="center"/>
    </xf>
    <xf numFmtId="0" fontId="0" fillId="0" borderId="4" xfId="0" applyFont="1" applyBorder="1" applyAlignment="1">
      <alignment vertical="center"/>
    </xf>
    <xf numFmtId="0" fontId="0" fillId="0" borderId="7" xfId="0" applyFont="1" applyBorder="1" applyAlignment="1">
      <alignment vertical="center"/>
    </xf>
    <xf numFmtId="0" fontId="0" fillId="0" borderId="3" xfId="0" applyFont="1" applyBorder="1" applyAlignment="1">
      <alignment vertical="center"/>
    </xf>
    <xf numFmtId="38" fontId="5" fillId="2" borderId="35" xfId="1" applyFont="1" applyFill="1" applyBorder="1" applyAlignment="1">
      <alignment horizontal="center" vertical="center" wrapText="1"/>
    </xf>
    <xf numFmtId="38" fontId="5" fillId="2" borderId="37" xfId="1" applyFont="1" applyFill="1" applyBorder="1" applyAlignment="1">
      <alignment horizontal="center" vertical="center" wrapText="1"/>
    </xf>
    <xf numFmtId="38" fontId="5" fillId="2" borderId="35" xfId="1" applyFont="1" applyFill="1" applyBorder="1" applyAlignment="1">
      <alignment vertical="center" wrapText="1"/>
    </xf>
    <xf numFmtId="176" fontId="5" fillId="2" borderId="35" xfId="1" applyNumberFormat="1" applyFont="1" applyFill="1" applyBorder="1" applyAlignment="1">
      <alignment vertical="center" wrapText="1"/>
    </xf>
    <xf numFmtId="0" fontId="7" fillId="2" borderId="35" xfId="0" applyFont="1" applyFill="1" applyBorder="1" applyAlignment="1">
      <alignment horizontal="center" vertical="center" wrapText="1"/>
    </xf>
    <xf numFmtId="0" fontId="7" fillId="2" borderId="10" xfId="0" applyFont="1" applyFill="1" applyBorder="1" applyAlignment="1">
      <alignment horizontal="center" vertical="center" wrapText="1"/>
    </xf>
    <xf numFmtId="0" fontId="7" fillId="2" borderId="36" xfId="0" applyFont="1" applyFill="1" applyBorder="1" applyAlignment="1">
      <alignment horizontal="center" vertical="center" wrapText="1"/>
    </xf>
    <xf numFmtId="0" fontId="7" fillId="2" borderId="9" xfId="0" applyFont="1" applyFill="1" applyBorder="1" applyAlignment="1">
      <alignment horizontal="center" vertical="center" wrapText="1"/>
    </xf>
    <xf numFmtId="0" fontId="7" fillId="2" borderId="35" xfId="0" applyFont="1" applyFill="1" applyBorder="1" applyAlignment="1">
      <alignment horizontal="center" vertical="center" wrapText="1" shrinkToFit="1"/>
    </xf>
    <xf numFmtId="0" fontId="7" fillId="2" borderId="36" xfId="0" applyFont="1" applyFill="1" applyBorder="1" applyAlignment="1">
      <alignment horizontal="center" vertical="center" wrapText="1" shrinkToFit="1"/>
    </xf>
    <xf numFmtId="0" fontId="7" fillId="2" borderId="9" xfId="0" applyFont="1" applyFill="1" applyBorder="1" applyAlignment="1">
      <alignment horizontal="center" vertical="center" wrapText="1" shrinkToFit="1"/>
    </xf>
    <xf numFmtId="0" fontId="7" fillId="2" borderId="0" xfId="0" applyFont="1" applyFill="1" applyBorder="1" applyAlignment="1">
      <alignment horizontal="center" vertical="center" wrapText="1"/>
    </xf>
    <xf numFmtId="0" fontId="6" fillId="2" borderId="0" xfId="0" applyFont="1" applyFill="1" applyBorder="1" applyAlignment="1">
      <alignment horizontal="right" vertical="center"/>
    </xf>
    <xf numFmtId="38" fontId="5" fillId="2" borderId="15" xfId="1" applyFont="1" applyFill="1" applyBorder="1" applyAlignment="1">
      <alignment horizontal="right" vertical="center"/>
    </xf>
    <xf numFmtId="38" fontId="5" fillId="2" borderId="16" xfId="1" applyFont="1" applyFill="1" applyBorder="1" applyAlignment="1">
      <alignment horizontal="right" vertical="center"/>
    </xf>
    <xf numFmtId="38" fontId="5" fillId="2" borderId="17" xfId="1" applyFont="1" applyFill="1" applyBorder="1" applyAlignment="1">
      <alignment horizontal="right" vertical="center"/>
    </xf>
    <xf numFmtId="0" fontId="6" fillId="2" borderId="4" xfId="0" applyFont="1" applyFill="1" applyBorder="1" applyAlignment="1">
      <alignment horizontal="center" vertical="center" wrapText="1"/>
    </xf>
    <xf numFmtId="0" fontId="6" fillId="2" borderId="7" xfId="0" applyFont="1" applyFill="1" applyBorder="1" applyAlignment="1">
      <alignment horizontal="center" vertical="center" wrapText="1"/>
    </xf>
    <xf numFmtId="0" fontId="6" fillId="2" borderId="3" xfId="0" applyFont="1" applyFill="1" applyBorder="1" applyAlignment="1">
      <alignment horizontal="center" vertical="center" wrapText="1"/>
    </xf>
    <xf numFmtId="0" fontId="7" fillId="2" borderId="4" xfId="0" applyFont="1" applyFill="1" applyBorder="1" applyAlignment="1">
      <alignment horizontal="right" vertical="center" wrapText="1"/>
    </xf>
    <xf numFmtId="0" fontId="7" fillId="2" borderId="7" xfId="0" applyFont="1" applyFill="1" applyBorder="1" applyAlignment="1">
      <alignment horizontal="right" vertical="center" wrapText="1"/>
    </xf>
    <xf numFmtId="0" fontId="7" fillId="2" borderId="3" xfId="0" applyFont="1" applyFill="1" applyBorder="1" applyAlignment="1">
      <alignment horizontal="right" vertical="center" wrapText="1"/>
    </xf>
    <xf numFmtId="40" fontId="5" fillId="2" borderId="8" xfId="1" applyNumberFormat="1" applyFont="1" applyFill="1" applyBorder="1" applyAlignment="1">
      <alignment horizontal="right" vertical="center"/>
    </xf>
    <xf numFmtId="40" fontId="5" fillId="2" borderId="6" xfId="1" applyNumberFormat="1" applyFont="1" applyFill="1" applyBorder="1" applyAlignment="1">
      <alignment horizontal="right" vertical="center"/>
    </xf>
    <xf numFmtId="40" fontId="5" fillId="2" borderId="5" xfId="1" applyNumberFormat="1" applyFont="1" applyFill="1" applyBorder="1" applyAlignment="1">
      <alignment horizontal="right" vertical="center"/>
    </xf>
    <xf numFmtId="40" fontId="5" fillId="2" borderId="4" xfId="1" applyNumberFormat="1" applyFont="1" applyFill="1" applyBorder="1" applyAlignment="1">
      <alignment horizontal="right" vertical="center"/>
    </xf>
    <xf numFmtId="40" fontId="5" fillId="2" borderId="7" xfId="1" applyNumberFormat="1" applyFont="1" applyFill="1" applyBorder="1" applyAlignment="1">
      <alignment horizontal="right" vertical="center"/>
    </xf>
    <xf numFmtId="40" fontId="5" fillId="2" borderId="3" xfId="1" applyNumberFormat="1" applyFont="1" applyFill="1" applyBorder="1" applyAlignment="1">
      <alignment horizontal="right" vertical="center"/>
    </xf>
    <xf numFmtId="0" fontId="7" fillId="2" borderId="4" xfId="0" applyFont="1" applyFill="1" applyBorder="1" applyAlignment="1">
      <alignment horizontal="right" vertical="center"/>
    </xf>
    <xf numFmtId="0" fontId="7" fillId="2" borderId="7" xfId="0" applyFont="1" applyFill="1" applyBorder="1" applyAlignment="1">
      <alignment horizontal="right" vertical="center"/>
    </xf>
    <xf numFmtId="0" fontId="7" fillId="2" borderId="3" xfId="0" applyFont="1" applyFill="1" applyBorder="1" applyAlignment="1">
      <alignment horizontal="right" vertical="center"/>
    </xf>
    <xf numFmtId="0" fontId="4" fillId="2" borderId="0" xfId="0" applyFont="1" applyFill="1" applyAlignment="1">
      <alignment horizontal="center" vertical="center"/>
    </xf>
    <xf numFmtId="0" fontId="5" fillId="2" borderId="10"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9" xfId="0" applyFont="1" applyFill="1" applyBorder="1" applyAlignment="1">
      <alignment horizontal="center" vertical="center"/>
    </xf>
    <xf numFmtId="0" fontId="6" fillId="2" borderId="1" xfId="0" applyFont="1" applyFill="1" applyBorder="1" applyAlignment="1">
      <alignment horizontal="center" vertical="center" wrapText="1"/>
    </xf>
    <xf numFmtId="0" fontId="6" fillId="2" borderId="0" xfId="0" applyFont="1" applyFill="1" applyAlignment="1">
      <alignment horizontal="center" vertical="center" wrapText="1"/>
    </xf>
    <xf numFmtId="0" fontId="6" fillId="2" borderId="2" xfId="0" applyFont="1" applyFill="1" applyBorder="1" applyAlignment="1">
      <alignment horizontal="center" vertical="center" wrapText="1"/>
    </xf>
    <xf numFmtId="0" fontId="6" fillId="2" borderId="8" xfId="0" applyFont="1" applyFill="1" applyBorder="1" applyAlignment="1">
      <alignment horizontal="center" vertical="center" wrapText="1"/>
    </xf>
    <xf numFmtId="0" fontId="6" fillId="2" borderId="6" xfId="0" applyFont="1" applyFill="1" applyBorder="1" applyAlignment="1">
      <alignment horizontal="center" vertical="center" wrapText="1"/>
    </xf>
    <xf numFmtId="0" fontId="6" fillId="2" borderId="5" xfId="0" applyFont="1" applyFill="1" applyBorder="1" applyAlignment="1">
      <alignment horizontal="center" vertical="center" wrapText="1"/>
    </xf>
    <xf numFmtId="0" fontId="6" fillId="2" borderId="10" xfId="0" applyFont="1" applyFill="1" applyBorder="1" applyAlignment="1">
      <alignment horizontal="center" vertical="center" wrapText="1"/>
    </xf>
    <xf numFmtId="0" fontId="6" fillId="2" borderId="11" xfId="0" applyFont="1" applyFill="1" applyBorder="1" applyAlignment="1">
      <alignment horizontal="center" vertical="center" wrapText="1"/>
    </xf>
    <xf numFmtId="0" fontId="6" fillId="2" borderId="9" xfId="0" applyFont="1" applyFill="1" applyBorder="1" applyAlignment="1">
      <alignment horizontal="center" vertical="center" wrapText="1"/>
    </xf>
    <xf numFmtId="0" fontId="5" fillId="2" borderId="10"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9" xfId="0" applyFont="1" applyFill="1" applyBorder="1" applyAlignment="1">
      <alignment horizontal="center" vertical="center" wrapText="1"/>
    </xf>
    <xf numFmtId="0" fontId="6" fillId="2" borderId="0" xfId="0" applyFont="1" applyFill="1" applyBorder="1" applyAlignment="1">
      <alignment horizontal="center" vertical="center" wrapText="1"/>
    </xf>
    <xf numFmtId="38" fontId="5" fillId="2" borderId="52" xfId="1" applyFont="1" applyFill="1" applyBorder="1" applyAlignment="1" applyProtection="1">
      <alignment vertical="center" wrapText="1"/>
      <protection locked="0"/>
    </xf>
    <xf numFmtId="38" fontId="5" fillId="2" borderId="39" xfId="1" applyFont="1" applyFill="1" applyBorder="1" applyAlignment="1" applyProtection="1">
      <alignment vertical="center" wrapText="1"/>
      <protection locked="0"/>
    </xf>
    <xf numFmtId="38" fontId="5" fillId="2" borderId="55" xfId="1" applyFont="1" applyFill="1" applyBorder="1" applyAlignment="1" applyProtection="1">
      <alignment vertical="center" wrapText="1"/>
      <protection locked="0"/>
    </xf>
    <xf numFmtId="38" fontId="5" fillId="2" borderId="53" xfId="1" applyFont="1" applyFill="1" applyBorder="1" applyAlignment="1" applyProtection="1">
      <alignment vertical="center" wrapText="1"/>
      <protection locked="0"/>
    </xf>
    <xf numFmtId="38" fontId="5" fillId="2" borderId="41" xfId="1" applyFont="1" applyFill="1" applyBorder="1" applyAlignment="1" applyProtection="1">
      <alignment vertical="center" wrapText="1"/>
      <protection locked="0"/>
    </xf>
    <xf numFmtId="38" fontId="5" fillId="2" borderId="56" xfId="1" applyFont="1" applyFill="1" applyBorder="1" applyAlignment="1" applyProtection="1">
      <alignment vertical="center" wrapText="1"/>
      <protection locked="0"/>
    </xf>
    <xf numFmtId="0" fontId="7" fillId="2" borderId="0" xfId="0" applyFont="1" applyFill="1" applyBorder="1" applyAlignment="1">
      <alignment horizontal="center" vertical="center" wrapText="1" shrinkToFit="1"/>
    </xf>
    <xf numFmtId="0" fontId="7" fillId="2" borderId="37" xfId="0" applyFont="1" applyFill="1" applyBorder="1" applyAlignment="1">
      <alignment horizontal="center" vertical="center" wrapText="1"/>
    </xf>
    <xf numFmtId="0" fontId="7" fillId="2" borderId="45" xfId="0" applyFont="1" applyFill="1" applyBorder="1" applyAlignment="1">
      <alignment horizontal="center" vertical="center" wrapText="1"/>
    </xf>
  </cellXfs>
  <cellStyles count="4">
    <cellStyle name="パーセント" xfId="3" builtinId="5"/>
    <cellStyle name="桁区切り" xfId="1" builtinId="6"/>
    <cellStyle name="標準" xfId="0" builtinId="0"/>
    <cellStyle name="標準 2" xfId="2" xr:uid="{00000000-0005-0000-0000-000002000000}"/>
  </cellStyles>
  <dxfs count="0"/>
  <tableStyles count="0" defaultTableStyle="TableStyleMedium9" defaultPivotStyle="PivotStyleLight16"/>
  <colors>
    <mruColors>
      <color rgb="FFFF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1.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10" Type="http://schemas.openxmlformats.org/officeDocument/2006/relationships/customXml" Target="../customXml/item3.xml"/><Relationship Id="rId4" Type="http://schemas.openxmlformats.org/officeDocument/2006/relationships/worksheet" Target="worksheets/sheet4.xml"/><Relationship Id="rId9" Type="http://schemas.openxmlformats.org/officeDocument/2006/relationships/customXml" Target="../customXml/item2.xml"/></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6E36589-A232-4921-A2BA-A6AD43F97A14}">
  <sheetPr>
    <tabColor rgb="FF00B0F0"/>
    <pageSetUpPr fitToPage="1"/>
  </sheetPr>
  <dimension ref="B1:BL216"/>
  <sheetViews>
    <sheetView showGridLines="0" zoomScale="80" zoomScaleNormal="80" zoomScaleSheetLayoutView="80" workbookViewId="0">
      <selection activeCell="BH24" sqref="BH24"/>
    </sheetView>
  </sheetViews>
  <sheetFormatPr defaultColWidth="9" defaultRowHeight="13.5" x14ac:dyDescent="0.15"/>
  <cols>
    <col min="1" max="1" width="4" style="1" customWidth="1"/>
    <col min="2" max="2" width="2.25" style="1" customWidth="1"/>
    <col min="3" max="4" width="2.75" style="1" customWidth="1"/>
    <col min="5" max="5" width="1.5" style="1" customWidth="1"/>
    <col min="6" max="6" width="2.75" style="1" customWidth="1"/>
    <col min="7" max="7" width="3.875" style="1" customWidth="1"/>
    <col min="8" max="18" width="2.75" style="1" customWidth="1"/>
    <col min="19" max="24" width="2.625" style="1" customWidth="1"/>
    <col min="25" max="36" width="2.75" style="1" customWidth="1"/>
    <col min="37" max="40" width="1.75" style="1" customWidth="1"/>
    <col min="41" max="52" width="2.375" style="1" customWidth="1"/>
    <col min="53" max="55" width="2.75" style="1" customWidth="1"/>
    <col min="56" max="56" width="1.75" style="1" customWidth="1"/>
    <col min="57" max="57" width="1" style="1" customWidth="1"/>
    <col min="58" max="58" width="2.375" style="1" customWidth="1"/>
    <col min="59" max="16384" width="9" style="1"/>
  </cols>
  <sheetData>
    <row r="1" spans="2:64" ht="5.25" customHeight="1" x14ac:dyDescent="0.15"/>
    <row r="2" spans="2:64" x14ac:dyDescent="0.15">
      <c r="B2" s="2"/>
      <c r="C2" s="3"/>
      <c r="D2" s="3"/>
      <c r="E2" s="3"/>
      <c r="F2" s="3"/>
      <c r="G2" s="3"/>
      <c r="H2" s="3"/>
      <c r="I2" s="3"/>
      <c r="J2" s="3"/>
      <c r="K2" s="3"/>
      <c r="L2" s="3"/>
      <c r="M2" s="3"/>
      <c r="N2" s="3"/>
      <c r="O2" s="3"/>
      <c r="P2" s="3"/>
      <c r="Q2" s="3"/>
      <c r="R2" s="3"/>
      <c r="S2" s="3"/>
      <c r="T2" s="3"/>
      <c r="U2" s="3"/>
      <c r="V2" s="3"/>
      <c r="W2" s="3"/>
      <c r="X2" s="3"/>
      <c r="Y2" s="3"/>
      <c r="Z2" s="3"/>
      <c r="AA2" s="3"/>
      <c r="AB2" s="3"/>
      <c r="AC2" s="3"/>
      <c r="AD2" s="3"/>
      <c r="AE2" s="3"/>
      <c r="AF2" s="3"/>
      <c r="AG2" s="3"/>
      <c r="AH2" s="3"/>
      <c r="AI2" s="3"/>
      <c r="AJ2" s="3"/>
      <c r="AK2" s="3"/>
      <c r="AL2" s="3"/>
      <c r="AM2" s="3"/>
      <c r="AN2" s="3"/>
      <c r="AO2" s="3"/>
      <c r="AP2" s="3"/>
      <c r="AQ2" s="3"/>
      <c r="AR2" s="3"/>
      <c r="AS2" s="3"/>
      <c r="AT2" s="3"/>
      <c r="AU2" s="3"/>
      <c r="AV2" s="3"/>
      <c r="AW2" s="3"/>
      <c r="AX2" s="3"/>
      <c r="AY2" s="3"/>
      <c r="AZ2" s="3"/>
      <c r="BA2" s="3"/>
      <c r="BB2" s="3"/>
      <c r="BC2" s="4" t="s">
        <v>0</v>
      </c>
      <c r="BD2" s="3"/>
      <c r="BE2" s="3"/>
    </row>
    <row r="3" spans="2:64" ht="23.25" customHeight="1" x14ac:dyDescent="0.15">
      <c r="B3" s="283" t="s">
        <v>121</v>
      </c>
      <c r="C3" s="283"/>
      <c r="D3" s="283"/>
      <c r="E3" s="283"/>
      <c r="F3" s="283"/>
      <c r="G3" s="283"/>
      <c r="H3" s="283"/>
      <c r="I3" s="283"/>
      <c r="J3" s="283"/>
      <c r="K3" s="283"/>
      <c r="L3" s="283"/>
      <c r="M3" s="283"/>
      <c r="N3" s="283"/>
      <c r="O3" s="283"/>
      <c r="P3" s="283"/>
      <c r="Q3" s="283"/>
      <c r="R3" s="283"/>
      <c r="S3" s="283"/>
      <c r="T3" s="283"/>
      <c r="U3" s="283"/>
      <c r="V3" s="283"/>
      <c r="W3" s="283"/>
      <c r="X3" s="283"/>
      <c r="Y3" s="283"/>
      <c r="Z3" s="283"/>
      <c r="AA3" s="283"/>
      <c r="AB3" s="283"/>
      <c r="AC3" s="283"/>
      <c r="AD3" s="283"/>
      <c r="AE3" s="283"/>
      <c r="AF3" s="283"/>
      <c r="AG3" s="283"/>
      <c r="AH3" s="283"/>
      <c r="AI3" s="283"/>
      <c r="AJ3" s="283"/>
      <c r="AK3" s="283"/>
      <c r="AL3" s="283"/>
      <c r="AM3" s="283"/>
      <c r="AN3" s="283"/>
      <c r="AO3" s="283"/>
      <c r="AP3" s="283"/>
      <c r="AQ3" s="283"/>
      <c r="AR3" s="283"/>
      <c r="AS3" s="283"/>
      <c r="AT3" s="283"/>
      <c r="AU3" s="283"/>
      <c r="AV3" s="283"/>
      <c r="AW3" s="283"/>
      <c r="AX3" s="283"/>
      <c r="AY3" s="283"/>
      <c r="AZ3" s="283"/>
      <c r="BA3" s="283"/>
      <c r="BB3" s="283"/>
      <c r="BC3" s="283"/>
      <c r="BD3" s="283"/>
      <c r="BE3" s="283"/>
    </row>
    <row r="4" spans="2:64" ht="24" customHeight="1" x14ac:dyDescent="0.15">
      <c r="B4" s="3"/>
      <c r="C4" s="3"/>
      <c r="D4" s="3"/>
      <c r="E4" s="3"/>
      <c r="F4" s="3"/>
      <c r="G4" s="3"/>
      <c r="H4" s="3"/>
      <c r="I4" s="3"/>
      <c r="J4" s="3"/>
      <c r="K4" s="3"/>
      <c r="L4" s="3"/>
      <c r="M4" s="3"/>
      <c r="N4" s="3"/>
      <c r="O4" s="3"/>
      <c r="P4" s="3"/>
      <c r="Q4" s="3"/>
      <c r="R4" s="3"/>
      <c r="S4" s="3"/>
      <c r="T4" s="3"/>
      <c r="U4" s="3"/>
      <c r="V4" s="3"/>
      <c r="W4" s="3"/>
      <c r="X4" s="3"/>
      <c r="Y4" s="3"/>
      <c r="Z4" s="3"/>
      <c r="AA4" s="3"/>
      <c r="AB4" s="3"/>
      <c r="AC4" s="3"/>
      <c r="AD4" s="3"/>
      <c r="AE4" s="3"/>
      <c r="AF4" s="3"/>
      <c r="AG4" s="3"/>
      <c r="AH4" s="3"/>
      <c r="AI4" s="3"/>
      <c r="AJ4" s="3"/>
      <c r="AK4" s="3"/>
      <c r="AL4" s="3"/>
      <c r="AM4" s="3"/>
      <c r="AN4" s="3"/>
      <c r="AO4" s="3"/>
      <c r="AP4" s="3"/>
      <c r="AQ4" s="3"/>
      <c r="AR4" s="3"/>
      <c r="AS4" s="3"/>
      <c r="AT4" s="3"/>
      <c r="AU4" s="3"/>
      <c r="AV4" s="3"/>
      <c r="AW4" s="3"/>
      <c r="AX4" s="3"/>
      <c r="AY4" s="3"/>
      <c r="AZ4" s="3"/>
      <c r="BA4" s="3"/>
      <c r="BB4" s="3"/>
      <c r="BC4" s="3"/>
      <c r="BD4" s="3"/>
      <c r="BE4" s="3"/>
    </row>
    <row r="5" spans="2:64" s="6" customFormat="1" ht="24.95" customHeight="1" x14ac:dyDescent="0.15">
      <c r="B5" s="284" t="s">
        <v>1</v>
      </c>
      <c r="C5" s="285"/>
      <c r="D5" s="285"/>
      <c r="E5" s="285"/>
      <c r="F5" s="286"/>
      <c r="G5" s="284"/>
      <c r="H5" s="285"/>
      <c r="I5" s="285"/>
      <c r="J5" s="285"/>
      <c r="K5" s="285"/>
      <c r="L5" s="285"/>
      <c r="M5" s="285"/>
      <c r="N5" s="285"/>
      <c r="O5" s="285"/>
      <c r="P5" s="285"/>
      <c r="Q5" s="285"/>
      <c r="R5" s="285"/>
      <c r="S5" s="285"/>
      <c r="T5" s="285"/>
      <c r="U5" s="285"/>
      <c r="V5" s="285"/>
      <c r="W5" s="285"/>
      <c r="X5" s="285"/>
      <c r="Y5" s="286"/>
      <c r="Z5" s="5"/>
      <c r="AA5" s="5"/>
      <c r="AB5" s="5"/>
      <c r="AC5" s="5"/>
      <c r="AD5" s="5"/>
      <c r="AE5" s="5"/>
      <c r="AF5" s="5"/>
      <c r="AG5" s="5"/>
      <c r="AH5" s="5"/>
      <c r="AI5" s="5"/>
      <c r="AJ5" s="5"/>
      <c r="AK5" s="5"/>
      <c r="AL5" s="5"/>
      <c r="AM5" s="5"/>
      <c r="AN5" s="5"/>
      <c r="AO5" s="5"/>
      <c r="AP5" s="5"/>
      <c r="AQ5" s="5"/>
      <c r="AR5" s="5"/>
      <c r="AS5" s="5"/>
      <c r="AT5" s="5"/>
      <c r="AU5" s="5"/>
      <c r="AV5" s="5"/>
      <c r="AW5" s="5"/>
      <c r="AX5" s="5"/>
      <c r="AY5" s="5"/>
      <c r="AZ5" s="5"/>
      <c r="BA5" s="5"/>
      <c r="BB5" s="5"/>
      <c r="BC5" s="5"/>
      <c r="BD5" s="5"/>
      <c r="BE5" s="5"/>
    </row>
    <row r="6" spans="2:64" s="6" customFormat="1" ht="9" customHeight="1" x14ac:dyDescent="0.15">
      <c r="B6" s="5"/>
      <c r="C6" s="5"/>
      <c r="D6" s="5"/>
      <c r="E6" s="5"/>
      <c r="F6" s="5"/>
      <c r="G6" s="5"/>
      <c r="H6" s="5"/>
      <c r="I6" s="5"/>
      <c r="J6" s="5"/>
      <c r="K6" s="5"/>
      <c r="L6" s="5"/>
      <c r="M6" s="5"/>
      <c r="N6" s="5"/>
      <c r="O6" s="5"/>
      <c r="P6" s="5"/>
      <c r="Q6" s="5"/>
      <c r="R6" s="5"/>
      <c r="S6" s="5"/>
      <c r="T6" s="5"/>
      <c r="U6" s="5"/>
      <c r="V6" s="5"/>
      <c r="W6" s="5"/>
      <c r="X6" s="5"/>
      <c r="Y6" s="5"/>
      <c r="Z6" s="5"/>
      <c r="AA6" s="5"/>
      <c r="AB6" s="5"/>
      <c r="AC6" s="5"/>
      <c r="AD6" s="5"/>
      <c r="AE6" s="5"/>
      <c r="AF6" s="5"/>
      <c r="AG6" s="5"/>
      <c r="AH6" s="5"/>
      <c r="AI6" s="5"/>
      <c r="AJ6" s="5"/>
      <c r="AK6" s="5"/>
      <c r="AL6" s="5"/>
      <c r="AM6" s="5"/>
      <c r="AN6" s="5"/>
      <c r="AO6" s="5"/>
      <c r="AP6" s="5"/>
      <c r="AQ6" s="5"/>
      <c r="AR6" s="5"/>
      <c r="AS6" s="5"/>
      <c r="AT6" s="5"/>
      <c r="AU6" s="5"/>
      <c r="AV6" s="5"/>
      <c r="AW6" s="5"/>
      <c r="AX6" s="5"/>
      <c r="AY6" s="5"/>
      <c r="AZ6" s="5"/>
      <c r="BA6" s="5"/>
      <c r="BB6" s="5"/>
      <c r="BC6" s="5"/>
      <c r="BD6" s="5"/>
      <c r="BE6" s="5"/>
    </row>
    <row r="7" spans="2:64" s="6" customFormat="1" ht="24.95" customHeight="1" x14ac:dyDescent="0.15">
      <c r="B7" s="284" t="s">
        <v>2</v>
      </c>
      <c r="C7" s="285"/>
      <c r="D7" s="285"/>
      <c r="E7" s="285"/>
      <c r="F7" s="286"/>
      <c r="G7" s="284"/>
      <c r="H7" s="285"/>
      <c r="I7" s="285"/>
      <c r="J7" s="285"/>
      <c r="K7" s="285"/>
      <c r="L7" s="285"/>
      <c r="M7" s="286"/>
      <c r="N7" s="284" t="s">
        <v>3</v>
      </c>
      <c r="O7" s="285"/>
      <c r="P7" s="285"/>
      <c r="Q7" s="286"/>
      <c r="R7" s="284"/>
      <c r="S7" s="285"/>
      <c r="T7" s="285"/>
      <c r="U7" s="285"/>
      <c r="V7" s="285"/>
      <c r="W7" s="285"/>
      <c r="X7" s="285"/>
      <c r="Y7" s="286"/>
      <c r="Z7" s="5"/>
      <c r="AA7" s="5"/>
      <c r="AB7" s="5"/>
      <c r="AC7" s="5"/>
      <c r="AD7" s="5"/>
      <c r="AE7" s="5"/>
      <c r="AF7" s="5"/>
      <c r="AG7" s="5"/>
      <c r="AH7" s="5"/>
      <c r="AI7" s="5"/>
      <c r="AJ7" s="5"/>
      <c r="AK7" s="5"/>
      <c r="AL7" s="5"/>
      <c r="AM7" s="5"/>
      <c r="AN7" s="5"/>
      <c r="AO7" s="5"/>
      <c r="AP7" s="5"/>
      <c r="AQ7" s="5"/>
      <c r="AR7" s="5"/>
      <c r="AS7" s="5"/>
      <c r="AT7" s="5"/>
      <c r="AU7" s="5"/>
      <c r="AV7" s="5"/>
      <c r="AW7" s="5"/>
      <c r="AX7" s="5"/>
      <c r="AY7" s="5"/>
      <c r="AZ7" s="5"/>
      <c r="BA7" s="5"/>
      <c r="BB7" s="5"/>
      <c r="BC7" s="5"/>
      <c r="BD7" s="5"/>
      <c r="BE7" s="5"/>
    </row>
    <row r="8" spans="2:64" s="6" customFormat="1" ht="9" customHeight="1" x14ac:dyDescent="0.15">
      <c r="B8" s="7"/>
      <c r="C8" s="7"/>
      <c r="D8" s="7"/>
      <c r="E8" s="7"/>
      <c r="F8" s="7"/>
      <c r="G8" s="7"/>
      <c r="H8" s="7"/>
      <c r="I8" s="7"/>
      <c r="J8" s="7"/>
      <c r="K8" s="7"/>
      <c r="L8" s="7"/>
      <c r="M8" s="7"/>
      <c r="N8" s="7"/>
      <c r="O8" s="7"/>
      <c r="P8" s="7"/>
      <c r="Q8" s="7"/>
      <c r="R8" s="7"/>
      <c r="S8" s="7"/>
      <c r="T8" s="7"/>
      <c r="U8" s="7"/>
      <c r="V8" s="7"/>
      <c r="W8" s="7"/>
      <c r="X8" s="7"/>
      <c r="Y8" s="7"/>
      <c r="Z8" s="7"/>
      <c r="AA8" s="7"/>
      <c r="AB8" s="8"/>
      <c r="AC8" s="7"/>
      <c r="AD8" s="7"/>
      <c r="AE8" s="7"/>
      <c r="AF8" s="7"/>
      <c r="AG8" s="7"/>
      <c r="AH8" s="7"/>
      <c r="AI8" s="7"/>
      <c r="AJ8" s="7"/>
      <c r="AK8" s="7"/>
      <c r="AL8" s="7"/>
      <c r="AM8" s="7"/>
      <c r="AN8" s="7"/>
      <c r="AO8" s="7"/>
      <c r="AP8" s="7"/>
      <c r="AQ8" s="7"/>
      <c r="AR8" s="7"/>
      <c r="AS8" s="7"/>
      <c r="AT8" s="7"/>
      <c r="AU8" s="7"/>
      <c r="AV8" s="7"/>
      <c r="AW8" s="7"/>
      <c r="AX8" s="7"/>
      <c r="AY8" s="7"/>
      <c r="AZ8" s="7"/>
      <c r="BA8" s="7"/>
      <c r="BB8" s="7"/>
      <c r="BC8" s="7"/>
      <c r="BD8" s="7"/>
      <c r="BE8" s="7"/>
    </row>
    <row r="9" spans="2:64" s="6" customFormat="1" ht="18" customHeight="1" x14ac:dyDescent="0.15">
      <c r="B9" s="9" t="s">
        <v>4</v>
      </c>
      <c r="C9" s="10"/>
      <c r="D9" s="10"/>
      <c r="E9" s="10"/>
      <c r="F9" s="10"/>
      <c r="G9" s="10"/>
      <c r="H9" s="10"/>
      <c r="I9" s="10"/>
      <c r="J9" s="10"/>
      <c r="K9" s="10"/>
      <c r="L9" s="10"/>
      <c r="M9" s="10"/>
      <c r="N9" s="10"/>
      <c r="O9" s="10"/>
      <c r="P9" s="10"/>
      <c r="Q9" s="10"/>
      <c r="R9" s="10"/>
      <c r="S9" s="10"/>
      <c r="T9" s="10"/>
      <c r="U9" s="10"/>
      <c r="V9" s="10"/>
      <c r="W9" s="10"/>
      <c r="X9" s="10"/>
      <c r="Y9" s="10"/>
      <c r="Z9" s="10"/>
      <c r="AA9" s="10"/>
      <c r="AB9" s="10"/>
      <c r="AC9" s="10"/>
      <c r="AD9" s="10"/>
      <c r="AE9" s="10"/>
      <c r="AF9" s="10"/>
      <c r="AG9" s="10"/>
      <c r="AH9" s="10"/>
      <c r="AI9" s="10"/>
      <c r="AJ9" s="10"/>
      <c r="AK9" s="10"/>
      <c r="AL9" s="10"/>
      <c r="AM9" s="10"/>
      <c r="AN9" s="10"/>
      <c r="AO9" s="10"/>
      <c r="AP9" s="10"/>
      <c r="AQ9" s="10"/>
      <c r="AR9" s="10"/>
      <c r="AS9" s="10"/>
      <c r="AT9" s="10"/>
      <c r="AU9" s="10"/>
      <c r="AV9" s="10"/>
      <c r="AW9" s="10"/>
      <c r="AX9" s="10"/>
      <c r="AY9" s="10"/>
      <c r="AZ9" s="10"/>
      <c r="BA9" s="10"/>
      <c r="BB9" s="10"/>
      <c r="BC9" s="10"/>
      <c r="BD9" s="10"/>
      <c r="BE9" s="11"/>
    </row>
    <row r="10" spans="2:64" s="6" customFormat="1" ht="18" customHeight="1" x14ac:dyDescent="0.15">
      <c r="B10" s="12"/>
      <c r="C10" s="5"/>
      <c r="D10" s="13"/>
      <c r="E10" s="13"/>
      <c r="F10" s="13"/>
      <c r="G10" s="13"/>
      <c r="H10" s="13"/>
      <c r="I10" s="13"/>
      <c r="J10" s="13"/>
      <c r="K10" s="13"/>
      <c r="L10" s="13"/>
      <c r="M10" s="13"/>
      <c r="N10" s="13"/>
      <c r="O10" s="13"/>
      <c r="P10" s="13"/>
      <c r="Q10" s="13"/>
      <c r="R10" s="13"/>
      <c r="S10" s="13"/>
      <c r="T10" s="13"/>
      <c r="U10" s="13"/>
      <c r="V10" s="13"/>
      <c r="W10" s="13"/>
      <c r="X10" s="13"/>
      <c r="Y10" s="13"/>
      <c r="Z10" s="13"/>
      <c r="AA10" s="13"/>
      <c r="AB10" s="13"/>
      <c r="AC10" s="13"/>
      <c r="AD10" s="13"/>
      <c r="AE10" s="13"/>
      <c r="AF10" s="13"/>
      <c r="AG10" s="13"/>
      <c r="AH10" s="13"/>
      <c r="AI10" s="13"/>
      <c r="AJ10" s="13"/>
      <c r="AK10" s="13"/>
      <c r="AL10" s="13"/>
      <c r="AM10" s="13"/>
      <c r="AN10" s="13"/>
      <c r="AO10" s="13"/>
      <c r="AP10" s="13"/>
      <c r="AQ10" s="13"/>
      <c r="AR10" s="13"/>
      <c r="AS10" s="13"/>
      <c r="AT10" s="13"/>
      <c r="AU10" s="13"/>
      <c r="AV10" s="13"/>
      <c r="AW10" s="13"/>
      <c r="AX10" s="13"/>
      <c r="AY10" s="13"/>
      <c r="AZ10" s="13"/>
      <c r="BA10" s="13"/>
      <c r="BB10" s="13"/>
      <c r="BC10" s="13"/>
      <c r="BD10" s="13"/>
      <c r="BE10" s="14"/>
    </row>
    <row r="11" spans="2:64" s="6" customFormat="1" ht="18" customHeight="1" x14ac:dyDescent="0.15">
      <c r="B11" s="12"/>
      <c r="C11" s="5"/>
      <c r="D11" s="13"/>
      <c r="E11" s="13"/>
      <c r="F11" s="13"/>
      <c r="G11" s="13"/>
      <c r="H11" s="13"/>
      <c r="I11" s="13"/>
      <c r="J11" s="13"/>
      <c r="K11" s="13"/>
      <c r="L11" s="13"/>
      <c r="M11" s="13"/>
      <c r="N11" s="13"/>
      <c r="O11" s="13"/>
      <c r="P11" s="13"/>
      <c r="Q11" s="13"/>
      <c r="R11" s="13"/>
      <c r="S11" s="13"/>
      <c r="T11" s="13"/>
      <c r="U11" s="13"/>
      <c r="V11" s="13"/>
      <c r="W11" s="13"/>
      <c r="X11" s="13"/>
      <c r="Y11" s="13"/>
      <c r="Z11" s="13"/>
      <c r="AA11" s="13"/>
      <c r="AB11" s="13"/>
      <c r="AC11" s="13"/>
      <c r="AD11" s="13"/>
      <c r="AE11" s="13"/>
      <c r="AF11" s="13"/>
      <c r="AG11" s="13"/>
      <c r="AH11" s="13"/>
      <c r="AI11" s="13"/>
      <c r="AJ11" s="13"/>
      <c r="AK11" s="13"/>
      <c r="AL11" s="13"/>
      <c r="AM11" s="13"/>
      <c r="AN11" s="13"/>
      <c r="AO11" s="13"/>
      <c r="AP11" s="13"/>
      <c r="AQ11" s="13"/>
      <c r="AR11" s="13"/>
      <c r="AS11" s="13"/>
      <c r="AT11" s="13"/>
      <c r="AU11" s="13"/>
      <c r="AV11" s="13"/>
      <c r="AW11" s="13"/>
      <c r="AX11" s="13"/>
      <c r="AY11" s="13"/>
      <c r="AZ11" s="13"/>
      <c r="BA11" s="13"/>
      <c r="BB11" s="13"/>
      <c r="BC11" s="13"/>
      <c r="BD11" s="13"/>
      <c r="BE11" s="14"/>
    </row>
    <row r="12" spans="2:64" s="6" customFormat="1" ht="18" customHeight="1" x14ac:dyDescent="0.15">
      <c r="B12" s="12"/>
      <c r="C12" s="5"/>
      <c r="D12" s="5"/>
      <c r="E12" s="5"/>
      <c r="F12" s="5"/>
      <c r="G12" s="5"/>
      <c r="H12" s="5"/>
      <c r="I12" s="5"/>
      <c r="J12" s="5"/>
      <c r="K12" s="5"/>
      <c r="L12" s="5"/>
      <c r="M12" s="5"/>
      <c r="N12" s="5"/>
      <c r="O12" s="5"/>
      <c r="P12" s="5"/>
      <c r="Q12" s="5"/>
      <c r="R12" s="5"/>
      <c r="S12" s="5"/>
      <c r="T12" s="5"/>
      <c r="U12" s="5"/>
      <c r="V12" s="5"/>
      <c r="W12" s="5"/>
      <c r="X12" s="5"/>
      <c r="Y12" s="5"/>
      <c r="Z12" s="5"/>
      <c r="AA12" s="5"/>
      <c r="AB12" s="5"/>
      <c r="AC12" s="5"/>
      <c r="AD12" s="5"/>
      <c r="AE12" s="5"/>
      <c r="AF12" s="5"/>
      <c r="AG12" s="5"/>
      <c r="AH12" s="5"/>
      <c r="AI12" s="5"/>
      <c r="AJ12" s="5"/>
      <c r="AK12" s="5"/>
      <c r="AL12" s="5"/>
      <c r="AM12" s="5"/>
      <c r="AN12" s="5"/>
      <c r="AO12" s="5"/>
      <c r="AP12" s="5"/>
      <c r="AQ12" s="5"/>
      <c r="AR12" s="5"/>
      <c r="AS12" s="5"/>
      <c r="AT12" s="5"/>
      <c r="AU12" s="5"/>
      <c r="AV12" s="5"/>
      <c r="AW12" s="5"/>
      <c r="AX12" s="5"/>
      <c r="AY12" s="5"/>
      <c r="AZ12" s="5"/>
      <c r="BA12" s="5"/>
      <c r="BB12" s="5"/>
      <c r="BC12" s="5"/>
      <c r="BD12" s="5"/>
      <c r="BE12" s="15"/>
    </row>
    <row r="13" spans="2:64" s="6" customFormat="1" ht="18" customHeight="1" x14ac:dyDescent="0.15">
      <c r="B13" s="16"/>
      <c r="C13" s="7"/>
      <c r="D13" s="7"/>
      <c r="E13" s="7"/>
      <c r="F13" s="7"/>
      <c r="G13" s="7"/>
      <c r="H13" s="7"/>
      <c r="I13" s="7"/>
      <c r="J13" s="7"/>
      <c r="K13" s="7"/>
      <c r="L13" s="7"/>
      <c r="M13" s="7"/>
      <c r="N13" s="7"/>
      <c r="O13" s="7"/>
      <c r="P13" s="7"/>
      <c r="Q13" s="7"/>
      <c r="R13" s="7"/>
      <c r="S13" s="7"/>
      <c r="T13" s="7"/>
      <c r="U13" s="7"/>
      <c r="V13" s="7"/>
      <c r="W13" s="7"/>
      <c r="X13" s="7"/>
      <c r="Y13" s="7"/>
      <c r="Z13" s="7"/>
      <c r="AA13" s="7"/>
      <c r="AB13" s="7"/>
      <c r="AC13" s="7"/>
      <c r="AD13" s="7"/>
      <c r="AE13" s="7"/>
      <c r="AF13" s="7"/>
      <c r="AG13" s="7"/>
      <c r="AH13" s="7"/>
      <c r="AI13" s="7"/>
      <c r="AJ13" s="7"/>
      <c r="AK13" s="7"/>
      <c r="AL13" s="7"/>
      <c r="AM13" s="7"/>
      <c r="AN13" s="7"/>
      <c r="AO13" s="7"/>
      <c r="AP13" s="7"/>
      <c r="AQ13" s="7"/>
      <c r="AR13" s="7"/>
      <c r="AS13" s="7"/>
      <c r="AT13" s="7"/>
      <c r="AU13" s="7"/>
      <c r="AV13" s="7"/>
      <c r="AW13" s="7"/>
      <c r="AX13" s="7"/>
      <c r="AY13" s="7"/>
      <c r="AZ13" s="7"/>
      <c r="BA13" s="7"/>
      <c r="BB13" s="7"/>
      <c r="BC13" s="7"/>
      <c r="BD13" s="7"/>
      <c r="BE13" s="17"/>
    </row>
    <row r="14" spans="2:64" ht="10.5" customHeight="1" x14ac:dyDescent="0.15">
      <c r="B14" s="18"/>
      <c r="C14" s="5"/>
      <c r="D14" s="3"/>
      <c r="E14" s="3"/>
      <c r="F14" s="3"/>
      <c r="G14" s="3"/>
      <c r="H14" s="3"/>
      <c r="I14" s="3"/>
      <c r="J14" s="3"/>
      <c r="K14" s="3"/>
      <c r="L14" s="3"/>
      <c r="M14" s="3"/>
      <c r="N14" s="3"/>
      <c r="O14" s="3"/>
      <c r="P14" s="3"/>
      <c r="Q14" s="3"/>
      <c r="R14" s="3"/>
      <c r="S14" s="3"/>
      <c r="T14" s="3"/>
      <c r="U14" s="3"/>
      <c r="V14" s="3"/>
      <c r="W14" s="3"/>
      <c r="X14" s="3"/>
      <c r="Y14" s="3"/>
      <c r="Z14" s="3"/>
      <c r="AA14" s="3"/>
      <c r="AB14" s="3"/>
      <c r="AC14" s="3"/>
      <c r="AD14" s="3"/>
      <c r="AE14" s="3"/>
      <c r="AF14" s="3"/>
      <c r="AG14" s="3"/>
      <c r="AH14" s="3"/>
      <c r="AI14" s="3"/>
      <c r="AJ14" s="3"/>
      <c r="AK14" s="3"/>
      <c r="AL14" s="3"/>
      <c r="AM14" s="3"/>
      <c r="AN14" s="3"/>
      <c r="AO14" s="3"/>
      <c r="AP14" s="3"/>
      <c r="AQ14" s="3"/>
      <c r="AR14" s="19"/>
      <c r="AS14" s="19"/>
      <c r="AT14" s="19"/>
      <c r="AU14" s="19"/>
      <c r="AV14" s="19"/>
      <c r="AW14" s="19"/>
      <c r="AX14" s="19"/>
      <c r="AY14" s="19"/>
      <c r="AZ14" s="19"/>
      <c r="BA14" s="19"/>
      <c r="BB14" s="19"/>
      <c r="BC14" s="19"/>
      <c r="BD14" s="20"/>
      <c r="BE14" s="21"/>
      <c r="BF14" s="22"/>
      <c r="BG14" s="20"/>
      <c r="BI14" s="20"/>
      <c r="BJ14" s="20"/>
      <c r="BK14" s="23"/>
      <c r="BL14" s="23"/>
    </row>
    <row r="15" spans="2:64" x14ac:dyDescent="0.15">
      <c r="B15" s="18"/>
      <c r="C15" s="5" t="s">
        <v>60</v>
      </c>
      <c r="D15" s="3"/>
      <c r="E15" s="3"/>
      <c r="F15" s="3"/>
      <c r="G15" s="3"/>
      <c r="H15" s="3"/>
      <c r="I15" s="3"/>
      <c r="J15" s="3"/>
      <c r="K15" s="3"/>
      <c r="L15" s="3"/>
      <c r="M15" s="3"/>
      <c r="N15" s="3"/>
      <c r="O15" s="3"/>
      <c r="P15" s="3"/>
      <c r="Q15" s="3"/>
      <c r="R15" s="3"/>
      <c r="S15" s="3"/>
      <c r="T15" s="3"/>
      <c r="U15" s="3"/>
      <c r="V15" s="3"/>
      <c r="W15" s="3"/>
      <c r="X15" s="3"/>
      <c r="Y15" s="3"/>
      <c r="Z15" s="3"/>
      <c r="AA15" s="3"/>
      <c r="AB15" s="3"/>
      <c r="AC15" s="3"/>
      <c r="AD15" s="3"/>
      <c r="AE15" s="3"/>
      <c r="AF15" s="3"/>
      <c r="AG15" s="3"/>
      <c r="AH15" s="3"/>
      <c r="AI15" s="3"/>
      <c r="AJ15" s="3"/>
      <c r="AK15" s="3"/>
      <c r="AL15" s="3"/>
      <c r="AM15" s="3"/>
      <c r="AN15" s="3"/>
      <c r="AO15" s="3"/>
      <c r="AP15" s="3"/>
      <c r="AQ15" s="3"/>
      <c r="AR15" s="19"/>
      <c r="AS15" s="19"/>
      <c r="AT15" s="19"/>
      <c r="AU15" s="19"/>
      <c r="AV15" s="19"/>
      <c r="AW15" s="19"/>
      <c r="AX15" s="19"/>
      <c r="AY15" s="19"/>
      <c r="AZ15" s="19"/>
      <c r="BA15" s="19"/>
      <c r="BB15" s="19"/>
      <c r="BC15" s="19"/>
      <c r="BD15" s="20"/>
      <c r="BE15" s="21"/>
      <c r="BF15" s="22"/>
      <c r="BG15" s="20"/>
      <c r="BI15" s="20"/>
      <c r="BJ15" s="20"/>
      <c r="BK15" s="23"/>
      <c r="BL15" s="23"/>
    </row>
    <row r="16" spans="2:64" ht="10.5" customHeight="1" x14ac:dyDescent="0.15">
      <c r="B16" s="18"/>
      <c r="C16" s="3"/>
      <c r="D16" s="3"/>
      <c r="E16" s="3"/>
      <c r="F16" s="3"/>
      <c r="G16" s="3"/>
      <c r="H16" s="3"/>
      <c r="I16" s="3"/>
      <c r="J16" s="3"/>
      <c r="K16" s="3"/>
      <c r="L16" s="3"/>
      <c r="M16" s="3"/>
      <c r="N16" s="3"/>
      <c r="O16" s="3"/>
      <c r="P16" s="3"/>
      <c r="Q16" s="3"/>
      <c r="R16" s="3"/>
      <c r="S16" s="3"/>
      <c r="T16" s="3"/>
      <c r="U16" s="3"/>
      <c r="V16" s="3"/>
      <c r="W16" s="3"/>
      <c r="X16" s="3"/>
      <c r="Y16" s="3"/>
      <c r="Z16" s="3"/>
      <c r="AA16" s="3"/>
      <c r="AB16" s="3"/>
      <c r="AC16" s="3"/>
      <c r="AD16" s="3"/>
      <c r="AE16" s="3"/>
      <c r="AF16" s="3"/>
      <c r="AG16" s="3"/>
      <c r="AH16" s="3"/>
      <c r="AI16" s="3"/>
      <c r="AJ16" s="3"/>
      <c r="AK16" s="3"/>
      <c r="AL16" s="3"/>
      <c r="AM16" s="3"/>
      <c r="AN16" s="3"/>
      <c r="AO16" s="3"/>
      <c r="AP16" s="3"/>
      <c r="AQ16" s="3"/>
      <c r="AR16" s="19"/>
      <c r="AS16" s="19"/>
      <c r="AT16" s="19"/>
      <c r="AU16" s="19"/>
      <c r="AV16" s="19"/>
      <c r="AW16" s="19"/>
      <c r="AX16" s="19"/>
      <c r="AY16" s="19"/>
      <c r="AZ16" s="19"/>
      <c r="BA16" s="109" t="s">
        <v>5</v>
      </c>
      <c r="BB16" s="109"/>
      <c r="BC16" s="109"/>
      <c r="BE16" s="21"/>
      <c r="BF16" s="22"/>
      <c r="BG16" s="20"/>
      <c r="BH16" s="20"/>
    </row>
    <row r="17" spans="2:64" ht="24.75" customHeight="1" x14ac:dyDescent="0.15">
      <c r="B17" s="18"/>
      <c r="C17" s="290" t="s">
        <v>6</v>
      </c>
      <c r="D17" s="291"/>
      <c r="E17" s="291"/>
      <c r="F17" s="291"/>
      <c r="G17" s="291"/>
      <c r="H17" s="292"/>
      <c r="I17" s="290" t="s">
        <v>7</v>
      </c>
      <c r="J17" s="291"/>
      <c r="K17" s="291"/>
      <c r="L17" s="291"/>
      <c r="M17" s="291"/>
      <c r="N17" s="292"/>
      <c r="O17" s="290" t="s">
        <v>8</v>
      </c>
      <c r="P17" s="291"/>
      <c r="Q17" s="291"/>
      <c r="R17" s="292"/>
      <c r="S17" s="290" t="s">
        <v>9</v>
      </c>
      <c r="T17" s="291"/>
      <c r="U17" s="292"/>
      <c r="V17" s="290" t="s">
        <v>10</v>
      </c>
      <c r="W17" s="291"/>
      <c r="X17" s="292"/>
      <c r="Y17" s="293" t="s">
        <v>11</v>
      </c>
      <c r="Z17" s="294"/>
      <c r="AA17" s="294"/>
      <c r="AB17" s="294"/>
      <c r="AC17" s="294"/>
      <c r="AD17" s="294"/>
      <c r="AE17" s="294"/>
      <c r="AF17" s="294"/>
      <c r="AG17" s="294"/>
      <c r="AH17" s="294"/>
      <c r="AI17" s="294"/>
      <c r="AJ17" s="295"/>
      <c r="AK17" s="290" t="s">
        <v>12</v>
      </c>
      <c r="AL17" s="291"/>
      <c r="AM17" s="291"/>
      <c r="AN17" s="292"/>
      <c r="AO17" s="290" t="s">
        <v>13</v>
      </c>
      <c r="AP17" s="291"/>
      <c r="AQ17" s="291"/>
      <c r="AR17" s="292"/>
      <c r="AS17" s="290" t="s">
        <v>14</v>
      </c>
      <c r="AT17" s="291"/>
      <c r="AU17" s="291"/>
      <c r="AV17" s="292"/>
      <c r="AW17" s="169" t="s">
        <v>15</v>
      </c>
      <c r="AX17" s="170"/>
      <c r="AY17" s="170"/>
      <c r="AZ17" s="171"/>
      <c r="BA17" s="169" t="s">
        <v>16</v>
      </c>
      <c r="BB17" s="170"/>
      <c r="BC17" s="171"/>
      <c r="BE17" s="24"/>
      <c r="BF17" s="25"/>
    </row>
    <row r="18" spans="2:64" ht="24.75" customHeight="1" x14ac:dyDescent="0.15">
      <c r="B18" s="18"/>
      <c r="C18" s="287"/>
      <c r="D18" s="288"/>
      <c r="E18" s="288"/>
      <c r="F18" s="288"/>
      <c r="G18" s="288"/>
      <c r="H18" s="289"/>
      <c r="I18" s="287"/>
      <c r="J18" s="288"/>
      <c r="K18" s="288"/>
      <c r="L18" s="288"/>
      <c r="M18" s="288"/>
      <c r="N18" s="289"/>
      <c r="O18" s="287"/>
      <c r="P18" s="288"/>
      <c r="Q18" s="288"/>
      <c r="R18" s="289"/>
      <c r="S18" s="287"/>
      <c r="T18" s="288"/>
      <c r="U18" s="289"/>
      <c r="V18" s="287"/>
      <c r="W18" s="288"/>
      <c r="X18" s="289"/>
      <c r="Y18" s="287" t="s">
        <v>17</v>
      </c>
      <c r="Z18" s="288"/>
      <c r="AA18" s="289"/>
      <c r="AB18" s="290" t="s">
        <v>18</v>
      </c>
      <c r="AC18" s="291"/>
      <c r="AD18" s="291"/>
      <c r="AE18" s="290" t="s">
        <v>19</v>
      </c>
      <c r="AF18" s="291"/>
      <c r="AG18" s="291"/>
      <c r="AH18" s="290" t="s">
        <v>20</v>
      </c>
      <c r="AI18" s="291"/>
      <c r="AJ18" s="291"/>
      <c r="AK18" s="287"/>
      <c r="AL18" s="288"/>
      <c r="AM18" s="288"/>
      <c r="AN18" s="289"/>
      <c r="AO18" s="287"/>
      <c r="AP18" s="288"/>
      <c r="AQ18" s="288"/>
      <c r="AR18" s="289"/>
      <c r="AS18" s="287"/>
      <c r="AT18" s="288"/>
      <c r="AU18" s="288"/>
      <c r="AV18" s="289"/>
      <c r="AW18" s="172"/>
      <c r="AX18" s="173"/>
      <c r="AY18" s="173"/>
      <c r="AZ18" s="174"/>
      <c r="BA18" s="172"/>
      <c r="BB18" s="173"/>
      <c r="BC18" s="174"/>
      <c r="BE18" s="24"/>
      <c r="BF18" s="25"/>
    </row>
    <row r="19" spans="2:64" ht="24.75" customHeight="1" x14ac:dyDescent="0.15">
      <c r="B19" s="18"/>
      <c r="C19" s="287"/>
      <c r="D19" s="288"/>
      <c r="E19" s="288"/>
      <c r="F19" s="288"/>
      <c r="G19" s="288"/>
      <c r="H19" s="289"/>
      <c r="I19" s="287"/>
      <c r="J19" s="288"/>
      <c r="K19" s="288"/>
      <c r="L19" s="288"/>
      <c r="M19" s="288"/>
      <c r="N19" s="289"/>
      <c r="O19" s="287"/>
      <c r="P19" s="288"/>
      <c r="Q19" s="288"/>
      <c r="R19" s="289"/>
      <c r="S19" s="287"/>
      <c r="T19" s="288"/>
      <c r="U19" s="289"/>
      <c r="V19" s="287"/>
      <c r="W19" s="288"/>
      <c r="X19" s="289"/>
      <c r="Y19" s="287"/>
      <c r="Z19" s="288"/>
      <c r="AA19" s="289"/>
      <c r="AB19" s="287"/>
      <c r="AC19" s="288"/>
      <c r="AD19" s="288"/>
      <c r="AE19" s="287"/>
      <c r="AF19" s="288"/>
      <c r="AG19" s="288"/>
      <c r="AH19" s="287"/>
      <c r="AI19" s="288"/>
      <c r="AJ19" s="288"/>
      <c r="AK19" s="287"/>
      <c r="AL19" s="288"/>
      <c r="AM19" s="288"/>
      <c r="AN19" s="289"/>
      <c r="AO19" s="287"/>
      <c r="AP19" s="288"/>
      <c r="AQ19" s="288"/>
      <c r="AR19" s="289"/>
      <c r="AS19" s="287"/>
      <c r="AT19" s="288"/>
      <c r="AU19" s="288"/>
      <c r="AV19" s="289"/>
      <c r="AW19" s="172"/>
      <c r="AX19" s="173"/>
      <c r="AY19" s="173"/>
      <c r="AZ19" s="174"/>
      <c r="BA19" s="172"/>
      <c r="BB19" s="173"/>
      <c r="BC19" s="174"/>
      <c r="BE19" s="24"/>
      <c r="BF19" s="25"/>
    </row>
    <row r="20" spans="2:64" ht="33" customHeight="1" x14ac:dyDescent="0.15">
      <c r="B20" s="18"/>
      <c r="C20" s="287"/>
      <c r="D20" s="288"/>
      <c r="E20" s="288"/>
      <c r="F20" s="288"/>
      <c r="G20" s="288"/>
      <c r="H20" s="289"/>
      <c r="I20" s="287"/>
      <c r="J20" s="288"/>
      <c r="K20" s="288"/>
      <c r="L20" s="288"/>
      <c r="M20" s="288"/>
      <c r="N20" s="289"/>
      <c r="O20" s="287"/>
      <c r="P20" s="288"/>
      <c r="Q20" s="288"/>
      <c r="R20" s="289"/>
      <c r="S20" s="287"/>
      <c r="T20" s="288"/>
      <c r="U20" s="289"/>
      <c r="V20" s="287"/>
      <c r="W20" s="288"/>
      <c r="X20" s="289"/>
      <c r="Y20" s="287"/>
      <c r="Z20" s="288"/>
      <c r="AA20" s="289"/>
      <c r="AB20" s="287"/>
      <c r="AC20" s="288"/>
      <c r="AD20" s="288"/>
      <c r="AE20" s="287"/>
      <c r="AF20" s="288"/>
      <c r="AG20" s="288"/>
      <c r="AH20" s="287"/>
      <c r="AI20" s="288"/>
      <c r="AJ20" s="288"/>
      <c r="AK20" s="287"/>
      <c r="AL20" s="288"/>
      <c r="AM20" s="288"/>
      <c r="AN20" s="289"/>
      <c r="AO20" s="287"/>
      <c r="AP20" s="288"/>
      <c r="AQ20" s="288"/>
      <c r="AR20" s="289"/>
      <c r="AS20" s="287"/>
      <c r="AT20" s="288"/>
      <c r="AU20" s="288"/>
      <c r="AV20" s="289"/>
      <c r="AW20" s="172"/>
      <c r="AX20" s="173"/>
      <c r="AY20" s="173"/>
      <c r="AZ20" s="174"/>
      <c r="BA20" s="172"/>
      <c r="BB20" s="173"/>
      <c r="BC20" s="174"/>
      <c r="BE20" s="24"/>
      <c r="BF20" s="25"/>
    </row>
    <row r="21" spans="2:64" ht="24.75" customHeight="1" x14ac:dyDescent="0.15">
      <c r="B21" s="18"/>
      <c r="C21" s="26"/>
      <c r="D21" s="27"/>
      <c r="E21" s="27"/>
      <c r="F21" s="27"/>
      <c r="G21" s="27"/>
      <c r="H21" s="28"/>
      <c r="I21" s="26"/>
      <c r="J21" s="27"/>
      <c r="K21" s="27"/>
      <c r="L21" s="27"/>
      <c r="M21" s="27"/>
      <c r="N21" s="28"/>
      <c r="O21" s="26"/>
      <c r="P21" s="27"/>
      <c r="Q21" s="27"/>
      <c r="R21" s="28"/>
      <c r="S21" s="26"/>
      <c r="T21" s="27"/>
      <c r="U21" s="28"/>
      <c r="V21" s="280" t="s">
        <v>21</v>
      </c>
      <c r="W21" s="281"/>
      <c r="X21" s="282"/>
      <c r="Y21" s="271" t="s">
        <v>22</v>
      </c>
      <c r="Z21" s="272"/>
      <c r="AA21" s="273"/>
      <c r="AB21" s="271" t="s">
        <v>23</v>
      </c>
      <c r="AC21" s="272"/>
      <c r="AD21" s="273"/>
      <c r="AE21" s="271" t="s">
        <v>24</v>
      </c>
      <c r="AF21" s="272"/>
      <c r="AG21" s="273"/>
      <c r="AH21" s="271" t="s">
        <v>25</v>
      </c>
      <c r="AI21" s="272"/>
      <c r="AJ21" s="273"/>
      <c r="AK21" s="268"/>
      <c r="AL21" s="269"/>
      <c r="AM21" s="269"/>
      <c r="AN21" s="270"/>
      <c r="AO21" s="268" t="s">
        <v>26</v>
      </c>
      <c r="AP21" s="269"/>
      <c r="AQ21" s="269"/>
      <c r="AR21" s="270"/>
      <c r="AS21" s="271" t="s">
        <v>27</v>
      </c>
      <c r="AT21" s="272"/>
      <c r="AU21" s="272"/>
      <c r="AV21" s="273"/>
      <c r="AW21" s="268" t="s">
        <v>28</v>
      </c>
      <c r="AX21" s="269"/>
      <c r="AY21" s="269"/>
      <c r="AZ21" s="270"/>
      <c r="BA21" s="29"/>
      <c r="BB21" s="30"/>
      <c r="BC21" s="31"/>
      <c r="BE21" s="24"/>
      <c r="BF21" s="25"/>
    </row>
    <row r="22" spans="2:64" ht="21" customHeight="1" x14ac:dyDescent="0.15">
      <c r="B22" s="18"/>
      <c r="C22" s="132"/>
      <c r="D22" s="133"/>
      <c r="E22" s="133"/>
      <c r="F22" s="133"/>
      <c r="G22" s="133"/>
      <c r="H22" s="134"/>
      <c r="I22" s="135"/>
      <c r="J22" s="136"/>
      <c r="K22" s="136"/>
      <c r="L22" s="136"/>
      <c r="M22" s="136"/>
      <c r="N22" s="137"/>
      <c r="O22" s="132"/>
      <c r="P22" s="133"/>
      <c r="Q22" s="133"/>
      <c r="R22" s="134"/>
      <c r="S22" s="132"/>
      <c r="T22" s="133"/>
      <c r="U22" s="134"/>
      <c r="V22" s="123"/>
      <c r="W22" s="124"/>
      <c r="X22" s="125"/>
      <c r="Y22" s="274"/>
      <c r="Z22" s="275"/>
      <c r="AA22" s="276"/>
      <c r="AB22" s="132"/>
      <c r="AC22" s="133"/>
      <c r="AD22" s="134"/>
      <c r="AE22" s="132"/>
      <c r="AF22" s="133"/>
      <c r="AG22" s="134"/>
      <c r="AH22" s="132"/>
      <c r="AI22" s="133"/>
      <c r="AJ22" s="133"/>
      <c r="AK22" s="123"/>
      <c r="AL22" s="124"/>
      <c r="AM22" s="124"/>
      <c r="AN22" s="124"/>
      <c r="AO22" s="123"/>
      <c r="AP22" s="124"/>
      <c r="AQ22" s="124"/>
      <c r="AR22" s="124"/>
      <c r="AS22" s="123"/>
      <c r="AT22" s="124"/>
      <c r="AU22" s="124"/>
      <c r="AV22" s="125"/>
      <c r="AW22" s="123"/>
      <c r="AX22" s="124"/>
      <c r="AY22" s="124"/>
      <c r="AZ22" s="125"/>
      <c r="BA22" s="123"/>
      <c r="BB22" s="124"/>
      <c r="BC22" s="125"/>
      <c r="BE22" s="24"/>
      <c r="BF22" s="25"/>
    </row>
    <row r="23" spans="2:64" ht="21" customHeight="1" x14ac:dyDescent="0.15">
      <c r="B23" s="18"/>
      <c r="C23" s="129"/>
      <c r="D23" s="130"/>
      <c r="E23" s="130"/>
      <c r="F23" s="130"/>
      <c r="G23" s="130"/>
      <c r="H23" s="131"/>
      <c r="I23" s="129"/>
      <c r="J23" s="130"/>
      <c r="K23" s="130"/>
      <c r="L23" s="130"/>
      <c r="M23" s="130"/>
      <c r="N23" s="131"/>
      <c r="O23" s="129"/>
      <c r="P23" s="130"/>
      <c r="Q23" s="130"/>
      <c r="R23" s="131"/>
      <c r="S23" s="129"/>
      <c r="T23" s="130"/>
      <c r="U23" s="131"/>
      <c r="V23" s="126"/>
      <c r="W23" s="127"/>
      <c r="X23" s="128"/>
      <c r="Y23" s="277"/>
      <c r="Z23" s="278"/>
      <c r="AA23" s="279"/>
      <c r="AB23" s="129"/>
      <c r="AC23" s="130"/>
      <c r="AD23" s="131"/>
      <c r="AE23" s="129"/>
      <c r="AF23" s="130"/>
      <c r="AG23" s="131"/>
      <c r="AH23" s="129"/>
      <c r="AI23" s="130"/>
      <c r="AJ23" s="130"/>
      <c r="AK23" s="126"/>
      <c r="AL23" s="127"/>
      <c r="AM23" s="127"/>
      <c r="AN23" s="127"/>
      <c r="AO23" s="126"/>
      <c r="AP23" s="127"/>
      <c r="AQ23" s="127"/>
      <c r="AR23" s="127"/>
      <c r="AS23" s="126"/>
      <c r="AT23" s="127"/>
      <c r="AU23" s="127"/>
      <c r="AV23" s="128"/>
      <c r="AW23" s="126"/>
      <c r="AX23" s="127"/>
      <c r="AY23" s="127"/>
      <c r="AZ23" s="128"/>
      <c r="BA23" s="126"/>
      <c r="BB23" s="127"/>
      <c r="BC23" s="128"/>
      <c r="BE23" s="24"/>
      <c r="BF23" s="25"/>
    </row>
    <row r="24" spans="2:64" ht="21" customHeight="1" x14ac:dyDescent="0.15">
      <c r="B24" s="18"/>
      <c r="C24" s="132"/>
      <c r="D24" s="133"/>
      <c r="E24" s="133"/>
      <c r="F24" s="133"/>
      <c r="G24" s="133"/>
      <c r="H24" s="134"/>
      <c r="I24" s="135"/>
      <c r="J24" s="136"/>
      <c r="K24" s="136"/>
      <c r="L24" s="136"/>
      <c r="M24" s="136"/>
      <c r="N24" s="137"/>
      <c r="O24" s="132"/>
      <c r="P24" s="133"/>
      <c r="Q24" s="133"/>
      <c r="R24" s="134"/>
      <c r="S24" s="132"/>
      <c r="T24" s="133"/>
      <c r="U24" s="134"/>
      <c r="V24" s="123"/>
      <c r="W24" s="124"/>
      <c r="X24" s="125"/>
      <c r="Y24" s="123"/>
      <c r="Z24" s="124"/>
      <c r="AA24" s="125"/>
      <c r="AB24" s="132"/>
      <c r="AC24" s="133"/>
      <c r="AD24" s="134"/>
      <c r="AE24" s="132"/>
      <c r="AF24" s="133"/>
      <c r="AG24" s="134"/>
      <c r="AH24" s="132"/>
      <c r="AI24" s="133"/>
      <c r="AJ24" s="133"/>
      <c r="AK24" s="123"/>
      <c r="AL24" s="124"/>
      <c r="AM24" s="124"/>
      <c r="AN24" s="124"/>
      <c r="AO24" s="123"/>
      <c r="AP24" s="124"/>
      <c r="AQ24" s="124"/>
      <c r="AR24" s="124"/>
      <c r="AS24" s="123"/>
      <c r="AT24" s="124"/>
      <c r="AU24" s="124"/>
      <c r="AV24" s="125"/>
      <c r="AW24" s="123"/>
      <c r="AX24" s="124"/>
      <c r="AY24" s="124"/>
      <c r="AZ24" s="125"/>
      <c r="BA24" s="123"/>
      <c r="BB24" s="124"/>
      <c r="BC24" s="125"/>
      <c r="BE24" s="24"/>
      <c r="BF24" s="25"/>
    </row>
    <row r="25" spans="2:64" ht="21" customHeight="1" thickBot="1" x14ac:dyDescent="0.2">
      <c r="B25" s="18"/>
      <c r="C25" s="129"/>
      <c r="D25" s="130"/>
      <c r="E25" s="130"/>
      <c r="F25" s="130"/>
      <c r="G25" s="130"/>
      <c r="H25" s="131"/>
      <c r="I25" s="129"/>
      <c r="J25" s="130"/>
      <c r="K25" s="130"/>
      <c r="L25" s="130"/>
      <c r="M25" s="130"/>
      <c r="N25" s="131"/>
      <c r="O25" s="129"/>
      <c r="P25" s="130"/>
      <c r="Q25" s="130"/>
      <c r="R25" s="131"/>
      <c r="S25" s="129"/>
      <c r="T25" s="130"/>
      <c r="U25" s="131"/>
      <c r="V25" s="126"/>
      <c r="W25" s="127"/>
      <c r="X25" s="128"/>
      <c r="Y25" s="265"/>
      <c r="Z25" s="266"/>
      <c r="AA25" s="267"/>
      <c r="AB25" s="129"/>
      <c r="AC25" s="130"/>
      <c r="AD25" s="131"/>
      <c r="AE25" s="129"/>
      <c r="AF25" s="130"/>
      <c r="AG25" s="131"/>
      <c r="AH25" s="129"/>
      <c r="AI25" s="130"/>
      <c r="AJ25" s="130"/>
      <c r="AK25" s="126"/>
      <c r="AL25" s="127"/>
      <c r="AM25" s="127"/>
      <c r="AN25" s="127"/>
      <c r="AO25" s="126"/>
      <c r="AP25" s="127"/>
      <c r="AQ25" s="127"/>
      <c r="AR25" s="127"/>
      <c r="AS25" s="126"/>
      <c r="AT25" s="127"/>
      <c r="AU25" s="127"/>
      <c r="AV25" s="128"/>
      <c r="AW25" s="126"/>
      <c r="AX25" s="127"/>
      <c r="AY25" s="127"/>
      <c r="AZ25" s="128"/>
      <c r="BA25" s="126"/>
      <c r="BB25" s="127"/>
      <c r="BC25" s="128"/>
      <c r="BE25" s="24"/>
      <c r="BF25" s="25"/>
    </row>
    <row r="26" spans="2:64" ht="24.75" customHeight="1" thickTop="1" x14ac:dyDescent="0.15">
      <c r="B26" s="18"/>
      <c r="C26" s="110"/>
      <c r="D26" s="111"/>
      <c r="E26" s="111"/>
      <c r="F26" s="111"/>
      <c r="G26" s="111"/>
      <c r="H26" s="112"/>
      <c r="I26" s="113"/>
      <c r="J26" s="113"/>
      <c r="K26" s="113"/>
      <c r="L26" s="113"/>
      <c r="M26" s="113"/>
      <c r="N26" s="113"/>
      <c r="O26" s="106"/>
      <c r="P26" s="107"/>
      <c r="Q26" s="107"/>
      <c r="R26" s="108"/>
      <c r="S26" s="113"/>
      <c r="T26" s="113"/>
      <c r="U26" s="113"/>
      <c r="V26" s="113"/>
      <c r="W26" s="113"/>
      <c r="X26" s="113"/>
      <c r="Y26" s="106"/>
      <c r="Z26" s="107"/>
      <c r="AA26" s="108"/>
      <c r="AB26" s="106"/>
      <c r="AC26" s="107"/>
      <c r="AD26" s="108"/>
      <c r="AE26" s="61"/>
      <c r="AF26" s="61"/>
      <c r="AG26" s="61"/>
      <c r="AH26" s="106"/>
      <c r="AI26" s="107"/>
      <c r="AJ26" s="107"/>
      <c r="AK26" s="113"/>
      <c r="AL26" s="113"/>
      <c r="AM26" s="113"/>
      <c r="AN26" s="113"/>
      <c r="AO26" s="113"/>
      <c r="AP26" s="113"/>
      <c r="AQ26" s="113"/>
      <c r="AR26" s="113"/>
      <c r="AS26" s="113"/>
      <c r="AT26" s="113"/>
      <c r="AU26" s="113"/>
      <c r="AV26" s="113"/>
      <c r="AW26" s="106"/>
      <c r="AX26" s="107"/>
      <c r="AY26" s="107"/>
      <c r="AZ26" s="108"/>
      <c r="BA26" s="106"/>
      <c r="BB26" s="107"/>
      <c r="BC26" s="108"/>
      <c r="BE26" s="24"/>
      <c r="BF26" s="25"/>
    </row>
    <row r="27" spans="2:64" ht="10.5" customHeight="1" x14ac:dyDescent="0.15">
      <c r="B27" s="18"/>
      <c r="C27" s="5"/>
      <c r="D27" s="3"/>
      <c r="E27" s="3"/>
      <c r="F27" s="3"/>
      <c r="G27" s="3"/>
      <c r="H27" s="3"/>
      <c r="I27" s="3"/>
      <c r="J27" s="3"/>
      <c r="K27" s="3"/>
      <c r="L27" s="3"/>
      <c r="M27" s="3"/>
      <c r="N27" s="3"/>
      <c r="O27" s="3"/>
      <c r="P27" s="3"/>
      <c r="Q27" s="3"/>
      <c r="R27" s="3"/>
      <c r="S27" s="3"/>
      <c r="T27" s="3"/>
      <c r="U27" s="3"/>
      <c r="V27" s="3"/>
      <c r="W27" s="3"/>
      <c r="X27" s="3"/>
      <c r="Y27" s="3"/>
      <c r="Z27" s="3"/>
      <c r="AA27" s="3"/>
      <c r="AB27" s="3"/>
      <c r="AC27" s="3"/>
      <c r="AD27" s="3"/>
      <c r="AE27" s="3"/>
      <c r="AF27" s="3"/>
      <c r="AG27" s="3"/>
      <c r="AH27" s="3"/>
      <c r="AI27" s="3"/>
      <c r="AJ27" s="3"/>
      <c r="AK27" s="3"/>
      <c r="AL27" s="3"/>
      <c r="AM27" s="3"/>
      <c r="AN27" s="3"/>
      <c r="AO27" s="3"/>
      <c r="AP27" s="3"/>
      <c r="AQ27" s="3"/>
      <c r="AR27" s="19"/>
      <c r="AS27" s="19"/>
      <c r="AT27" s="19"/>
      <c r="AU27" s="19"/>
      <c r="AV27" s="19"/>
      <c r="AW27" s="19"/>
      <c r="AX27" s="19"/>
      <c r="AY27" s="19"/>
      <c r="AZ27" s="19"/>
      <c r="BA27" s="19"/>
      <c r="BB27" s="19"/>
      <c r="BC27" s="19"/>
      <c r="BD27" s="20"/>
      <c r="BE27" s="21"/>
      <c r="BF27" s="22"/>
      <c r="BG27" s="20"/>
      <c r="BJ27" s="20"/>
      <c r="BK27" s="23"/>
      <c r="BL27" s="23"/>
    </row>
    <row r="28" spans="2:64" ht="18" customHeight="1" x14ac:dyDescent="0.15">
      <c r="B28" s="18"/>
      <c r="C28" s="5" t="s">
        <v>122</v>
      </c>
      <c r="D28" s="3"/>
      <c r="E28" s="3"/>
      <c r="F28" s="3"/>
      <c r="G28" s="3"/>
      <c r="H28" s="3"/>
      <c r="I28" s="3"/>
      <c r="J28" s="3"/>
      <c r="K28" s="3"/>
      <c r="L28" s="3"/>
      <c r="M28" s="3"/>
      <c r="N28" s="3"/>
      <c r="O28" s="3"/>
      <c r="P28" s="3"/>
      <c r="Q28" s="3"/>
      <c r="R28" s="3"/>
      <c r="S28" s="3"/>
      <c r="T28" s="3"/>
      <c r="U28" s="3"/>
      <c r="V28" s="3"/>
      <c r="W28" s="3"/>
      <c r="X28" s="3"/>
      <c r="Y28" s="3"/>
      <c r="Z28" s="3"/>
      <c r="AA28" s="3"/>
      <c r="AB28" s="3"/>
      <c r="AC28" s="3"/>
      <c r="AD28" s="3"/>
      <c r="AE28" s="3"/>
      <c r="AF28" s="3"/>
      <c r="AG28" s="3"/>
      <c r="AH28" s="3"/>
      <c r="AI28" s="3"/>
      <c r="AJ28" s="3"/>
      <c r="AK28" s="3"/>
      <c r="AL28" s="3"/>
      <c r="AM28" s="3"/>
      <c r="AN28" s="3"/>
      <c r="AO28" s="3"/>
      <c r="AP28" s="3"/>
      <c r="AQ28" s="3"/>
      <c r="AR28" s="19"/>
      <c r="AS28" s="19"/>
      <c r="AT28" s="19"/>
      <c r="AU28" s="19"/>
      <c r="AV28" s="19"/>
      <c r="AW28" s="19"/>
      <c r="AX28" s="19"/>
      <c r="AY28" s="19"/>
      <c r="AZ28" s="19"/>
      <c r="BA28" s="19"/>
      <c r="BB28" s="19"/>
      <c r="BC28" s="19"/>
      <c r="BD28" s="20"/>
      <c r="BE28" s="21"/>
      <c r="BF28" s="22"/>
      <c r="BG28" s="20"/>
      <c r="BI28" s="20"/>
      <c r="BJ28" s="20"/>
      <c r="BK28" s="23"/>
      <c r="BL28" s="23"/>
    </row>
    <row r="29" spans="2:64" x14ac:dyDescent="0.15">
      <c r="B29" s="18"/>
      <c r="C29" s="5" t="s">
        <v>123</v>
      </c>
      <c r="D29" s="5"/>
      <c r="E29" s="5"/>
      <c r="F29" s="3"/>
      <c r="G29" s="3"/>
      <c r="H29" s="3"/>
      <c r="I29" s="3"/>
      <c r="J29" s="3"/>
      <c r="K29" s="3"/>
      <c r="L29" s="3"/>
      <c r="M29" s="3"/>
      <c r="N29" s="3"/>
      <c r="O29" s="3"/>
      <c r="P29" s="3"/>
      <c r="Q29" s="3"/>
      <c r="R29" s="3"/>
      <c r="S29" s="3"/>
      <c r="T29" s="3"/>
      <c r="U29" s="3"/>
      <c r="V29" s="3"/>
      <c r="W29" s="3"/>
      <c r="X29" s="3"/>
      <c r="Y29" s="3"/>
      <c r="Z29" s="3"/>
      <c r="AA29" s="3"/>
      <c r="AB29" s="3"/>
      <c r="AC29" s="3"/>
      <c r="AD29" s="3"/>
      <c r="AE29" s="3"/>
      <c r="AF29" s="3"/>
      <c r="AG29" s="3"/>
      <c r="AH29" s="3"/>
      <c r="AI29" s="3"/>
      <c r="AJ29" s="3"/>
      <c r="AK29" s="3"/>
      <c r="AL29" s="3"/>
      <c r="AM29" s="3"/>
      <c r="AN29" s="3"/>
      <c r="AO29" s="3"/>
      <c r="AP29" s="3"/>
      <c r="AQ29" s="3"/>
      <c r="AR29" s="19"/>
      <c r="AS29" s="19"/>
      <c r="AT29" s="19"/>
      <c r="AU29" s="19"/>
      <c r="AV29" s="19"/>
      <c r="AW29" s="19"/>
      <c r="AX29" s="19"/>
      <c r="AY29" s="19"/>
      <c r="AZ29" s="19"/>
      <c r="BA29" s="19"/>
      <c r="BB29" s="19"/>
      <c r="BC29" s="19"/>
      <c r="BD29" s="20"/>
      <c r="BE29" s="21"/>
      <c r="BF29" s="22"/>
      <c r="BG29" s="20"/>
      <c r="BI29" s="20"/>
      <c r="BJ29" s="20"/>
      <c r="BK29" s="23"/>
      <c r="BL29" s="23"/>
    </row>
    <row r="30" spans="2:64" x14ac:dyDescent="0.15">
      <c r="B30" s="18"/>
      <c r="C30" s="3"/>
      <c r="D30" s="3"/>
      <c r="E30" s="3"/>
      <c r="F30" s="3"/>
      <c r="G30" s="3"/>
      <c r="H30" s="3"/>
      <c r="I30" s="3"/>
      <c r="J30" s="3"/>
      <c r="K30" s="3"/>
      <c r="L30" s="3"/>
      <c r="M30" s="3"/>
      <c r="N30" s="3"/>
      <c r="O30" s="3"/>
      <c r="P30" s="3"/>
      <c r="Q30" s="3"/>
      <c r="R30" s="3"/>
      <c r="S30" s="3"/>
      <c r="T30" s="3"/>
      <c r="U30" s="3"/>
      <c r="V30" s="3"/>
      <c r="W30" s="3"/>
      <c r="X30" s="3"/>
      <c r="Y30" s="3"/>
      <c r="Z30" s="3"/>
      <c r="AA30" s="3"/>
      <c r="AB30" s="3"/>
      <c r="AC30" s="3"/>
      <c r="AD30" s="3"/>
      <c r="AE30" s="3"/>
      <c r="AF30" s="3"/>
      <c r="AG30" s="3"/>
      <c r="AH30" s="3"/>
      <c r="AI30" s="3"/>
      <c r="AJ30" s="3"/>
      <c r="AK30" s="3"/>
      <c r="AL30" s="3"/>
      <c r="AM30" s="3"/>
      <c r="AN30" s="3"/>
      <c r="AO30" s="3"/>
      <c r="AP30" s="3"/>
      <c r="AQ30" s="3"/>
      <c r="AR30" s="19"/>
      <c r="AS30" s="19"/>
      <c r="AT30" s="19"/>
      <c r="AU30" s="19"/>
      <c r="AV30" s="19"/>
      <c r="AW30" s="19"/>
      <c r="AX30" s="19"/>
      <c r="AY30" s="19"/>
      <c r="AZ30" s="19"/>
      <c r="BA30" s="109" t="s">
        <v>5</v>
      </c>
      <c r="BB30" s="109"/>
      <c r="BC30" s="109"/>
      <c r="BE30" s="21"/>
      <c r="BF30" s="22"/>
      <c r="BG30" s="20"/>
      <c r="BH30" s="20"/>
    </row>
    <row r="31" spans="2:64" ht="24.75" customHeight="1" x14ac:dyDescent="0.15">
      <c r="B31" s="18"/>
      <c r="C31" s="97" t="s">
        <v>29</v>
      </c>
      <c r="D31" s="98"/>
      <c r="E31" s="98"/>
      <c r="F31" s="99"/>
      <c r="G31" s="97" t="s">
        <v>30</v>
      </c>
      <c r="H31" s="98"/>
      <c r="I31" s="98"/>
      <c r="J31" s="99"/>
      <c r="K31" s="97" t="s">
        <v>31</v>
      </c>
      <c r="L31" s="98"/>
      <c r="M31" s="98"/>
      <c r="N31" s="99"/>
      <c r="O31" s="97" t="s">
        <v>8</v>
      </c>
      <c r="P31" s="98"/>
      <c r="Q31" s="99"/>
      <c r="R31" s="97" t="s">
        <v>32</v>
      </c>
      <c r="S31" s="98"/>
      <c r="T31" s="99"/>
      <c r="U31" s="97" t="s">
        <v>33</v>
      </c>
      <c r="V31" s="98"/>
      <c r="W31" s="98"/>
      <c r="X31" s="98"/>
      <c r="Y31" s="98"/>
      <c r="Z31" s="99"/>
      <c r="AA31" s="97" t="s">
        <v>34</v>
      </c>
      <c r="AB31" s="98"/>
      <c r="AC31" s="98"/>
      <c r="AD31" s="98"/>
      <c r="AE31" s="98"/>
      <c r="AF31" s="98"/>
      <c r="AG31" s="99"/>
      <c r="AH31" s="97" t="s">
        <v>35</v>
      </c>
      <c r="AI31" s="98"/>
      <c r="AJ31" s="98"/>
      <c r="AK31" s="99"/>
      <c r="AL31" s="97" t="s">
        <v>36</v>
      </c>
      <c r="AM31" s="98"/>
      <c r="AN31" s="98"/>
      <c r="AO31" s="99"/>
      <c r="AP31" s="97" t="s">
        <v>37</v>
      </c>
      <c r="AQ31" s="98"/>
      <c r="AR31" s="99"/>
      <c r="AS31" s="97" t="s">
        <v>11</v>
      </c>
      <c r="AT31" s="98"/>
      <c r="AU31" s="99"/>
      <c r="AV31" s="114" t="s">
        <v>38</v>
      </c>
      <c r="AW31" s="115"/>
      <c r="AX31" s="115"/>
      <c r="AY31" s="116"/>
      <c r="AZ31" s="114" t="s">
        <v>16</v>
      </c>
      <c r="BA31" s="115"/>
      <c r="BB31" s="115"/>
      <c r="BC31" s="116"/>
      <c r="BE31" s="24"/>
      <c r="BF31" s="25"/>
    </row>
    <row r="32" spans="2:64" ht="24.75" customHeight="1" x14ac:dyDescent="0.15">
      <c r="B32" s="18"/>
      <c r="C32" s="100"/>
      <c r="D32" s="101"/>
      <c r="E32" s="101"/>
      <c r="F32" s="102"/>
      <c r="G32" s="100"/>
      <c r="H32" s="101"/>
      <c r="I32" s="101"/>
      <c r="J32" s="102"/>
      <c r="K32" s="100"/>
      <c r="L32" s="101"/>
      <c r="M32" s="101"/>
      <c r="N32" s="102"/>
      <c r="O32" s="100"/>
      <c r="P32" s="101"/>
      <c r="Q32" s="102"/>
      <c r="R32" s="100"/>
      <c r="S32" s="101"/>
      <c r="T32" s="102"/>
      <c r="U32" s="100"/>
      <c r="V32" s="101"/>
      <c r="W32" s="101"/>
      <c r="X32" s="101"/>
      <c r="Y32" s="101"/>
      <c r="Z32" s="102"/>
      <c r="AA32" s="100"/>
      <c r="AB32" s="101"/>
      <c r="AC32" s="101"/>
      <c r="AD32" s="101"/>
      <c r="AE32" s="101"/>
      <c r="AF32" s="101"/>
      <c r="AG32" s="102"/>
      <c r="AH32" s="100"/>
      <c r="AI32" s="101"/>
      <c r="AJ32" s="101"/>
      <c r="AK32" s="102"/>
      <c r="AL32" s="100"/>
      <c r="AM32" s="101"/>
      <c r="AN32" s="101"/>
      <c r="AO32" s="102"/>
      <c r="AP32" s="100"/>
      <c r="AQ32" s="101"/>
      <c r="AR32" s="102"/>
      <c r="AS32" s="100"/>
      <c r="AT32" s="101"/>
      <c r="AU32" s="102"/>
      <c r="AV32" s="117"/>
      <c r="AW32" s="118"/>
      <c r="AX32" s="118"/>
      <c r="AY32" s="119"/>
      <c r="AZ32" s="117"/>
      <c r="BA32" s="118"/>
      <c r="BB32" s="118"/>
      <c r="BC32" s="119"/>
      <c r="BE32" s="24"/>
      <c r="BF32" s="25"/>
    </row>
    <row r="33" spans="2:64" ht="24.75" customHeight="1" x14ac:dyDescent="0.15">
      <c r="B33" s="18"/>
      <c r="C33" s="100"/>
      <c r="D33" s="101"/>
      <c r="E33" s="101"/>
      <c r="F33" s="102"/>
      <c r="G33" s="100"/>
      <c r="H33" s="101"/>
      <c r="I33" s="101"/>
      <c r="J33" s="102"/>
      <c r="K33" s="100"/>
      <c r="L33" s="101"/>
      <c r="M33" s="101"/>
      <c r="N33" s="102"/>
      <c r="O33" s="100"/>
      <c r="P33" s="101"/>
      <c r="Q33" s="102"/>
      <c r="R33" s="100"/>
      <c r="S33" s="101"/>
      <c r="T33" s="102"/>
      <c r="U33" s="100"/>
      <c r="V33" s="101"/>
      <c r="W33" s="101"/>
      <c r="X33" s="101"/>
      <c r="Y33" s="101"/>
      <c r="Z33" s="102"/>
      <c r="AA33" s="100"/>
      <c r="AB33" s="101"/>
      <c r="AC33" s="101"/>
      <c r="AD33" s="101"/>
      <c r="AE33" s="101"/>
      <c r="AF33" s="101"/>
      <c r="AG33" s="102"/>
      <c r="AH33" s="100"/>
      <c r="AI33" s="101"/>
      <c r="AJ33" s="101"/>
      <c r="AK33" s="102"/>
      <c r="AL33" s="100"/>
      <c r="AM33" s="101"/>
      <c r="AN33" s="101"/>
      <c r="AO33" s="102"/>
      <c r="AP33" s="100"/>
      <c r="AQ33" s="101"/>
      <c r="AR33" s="102"/>
      <c r="AS33" s="100"/>
      <c r="AT33" s="101"/>
      <c r="AU33" s="102"/>
      <c r="AV33" s="117"/>
      <c r="AW33" s="118"/>
      <c r="AX33" s="118"/>
      <c r="AY33" s="119"/>
      <c r="AZ33" s="117"/>
      <c r="BA33" s="118"/>
      <c r="BB33" s="118"/>
      <c r="BC33" s="119"/>
      <c r="BE33" s="24"/>
      <c r="BF33" s="25"/>
    </row>
    <row r="34" spans="2:64" ht="17.25" customHeight="1" x14ac:dyDescent="0.15">
      <c r="B34" s="18"/>
      <c r="C34" s="100"/>
      <c r="D34" s="101"/>
      <c r="E34" s="101"/>
      <c r="F34" s="102"/>
      <c r="G34" s="100"/>
      <c r="H34" s="101"/>
      <c r="I34" s="101"/>
      <c r="J34" s="102"/>
      <c r="K34" s="100"/>
      <c r="L34" s="101"/>
      <c r="M34" s="101"/>
      <c r="N34" s="102"/>
      <c r="O34" s="100"/>
      <c r="P34" s="101"/>
      <c r="Q34" s="102"/>
      <c r="R34" s="100"/>
      <c r="S34" s="101"/>
      <c r="T34" s="102"/>
      <c r="U34" s="100"/>
      <c r="V34" s="101"/>
      <c r="W34" s="101"/>
      <c r="X34" s="101"/>
      <c r="Y34" s="101"/>
      <c r="Z34" s="102"/>
      <c r="AA34" s="100"/>
      <c r="AB34" s="101"/>
      <c r="AC34" s="101"/>
      <c r="AD34" s="101"/>
      <c r="AE34" s="101"/>
      <c r="AF34" s="101"/>
      <c r="AG34" s="102"/>
      <c r="AH34" s="100"/>
      <c r="AI34" s="101"/>
      <c r="AJ34" s="101"/>
      <c r="AK34" s="102"/>
      <c r="AL34" s="100"/>
      <c r="AM34" s="101"/>
      <c r="AN34" s="101"/>
      <c r="AO34" s="102"/>
      <c r="AP34" s="100"/>
      <c r="AQ34" s="101"/>
      <c r="AR34" s="102"/>
      <c r="AS34" s="100"/>
      <c r="AT34" s="101"/>
      <c r="AU34" s="102"/>
      <c r="AV34" s="100" t="s">
        <v>39</v>
      </c>
      <c r="AW34" s="101"/>
      <c r="AX34" s="101"/>
      <c r="AY34" s="102"/>
      <c r="AZ34" s="117"/>
      <c r="BA34" s="118"/>
      <c r="BB34" s="118"/>
      <c r="BC34" s="119"/>
      <c r="BE34" s="24"/>
      <c r="BF34" s="25"/>
    </row>
    <row r="35" spans="2:64" ht="24.75" customHeight="1" x14ac:dyDescent="0.15">
      <c r="B35" s="18"/>
      <c r="C35" s="103"/>
      <c r="D35" s="104"/>
      <c r="E35" s="104"/>
      <c r="F35" s="105"/>
      <c r="G35" s="103"/>
      <c r="H35" s="104"/>
      <c r="I35" s="104"/>
      <c r="J35" s="105"/>
      <c r="K35" s="103"/>
      <c r="L35" s="104"/>
      <c r="M35" s="104"/>
      <c r="N35" s="105"/>
      <c r="O35" s="103"/>
      <c r="P35" s="104"/>
      <c r="Q35" s="105"/>
      <c r="R35" s="103"/>
      <c r="S35" s="104"/>
      <c r="T35" s="105"/>
      <c r="U35" s="103"/>
      <c r="V35" s="104"/>
      <c r="W35" s="104"/>
      <c r="X35" s="104"/>
      <c r="Y35" s="104"/>
      <c r="Z35" s="105"/>
      <c r="AA35" s="103"/>
      <c r="AB35" s="104"/>
      <c r="AC35" s="104"/>
      <c r="AD35" s="104"/>
      <c r="AE35" s="104"/>
      <c r="AF35" s="104"/>
      <c r="AG35" s="105"/>
      <c r="AH35" s="103"/>
      <c r="AI35" s="104"/>
      <c r="AJ35" s="104"/>
      <c r="AK35" s="105"/>
      <c r="AL35" s="103"/>
      <c r="AM35" s="104"/>
      <c r="AN35" s="104"/>
      <c r="AO35" s="105"/>
      <c r="AP35" s="103" t="s">
        <v>40</v>
      </c>
      <c r="AQ35" s="104"/>
      <c r="AR35" s="105"/>
      <c r="AS35" s="103" t="s">
        <v>41</v>
      </c>
      <c r="AT35" s="104"/>
      <c r="AU35" s="105"/>
      <c r="AV35" s="103"/>
      <c r="AW35" s="104"/>
      <c r="AX35" s="104"/>
      <c r="AY35" s="105"/>
      <c r="AZ35" s="120"/>
      <c r="BA35" s="121"/>
      <c r="BB35" s="121"/>
      <c r="BC35" s="122"/>
      <c r="BE35" s="24"/>
      <c r="BF35" s="25"/>
    </row>
    <row r="36" spans="2:64" ht="21" customHeight="1" x14ac:dyDescent="0.15">
      <c r="B36" s="18"/>
      <c r="C36" s="79"/>
      <c r="D36" s="80"/>
      <c r="E36" s="80"/>
      <c r="F36" s="81"/>
      <c r="G36" s="79"/>
      <c r="H36" s="80"/>
      <c r="I36" s="80"/>
      <c r="J36" s="81"/>
      <c r="K36" s="79"/>
      <c r="L36" s="80"/>
      <c r="M36" s="80"/>
      <c r="N36" s="81"/>
      <c r="O36" s="88"/>
      <c r="P36" s="89"/>
      <c r="Q36" s="90"/>
      <c r="R36" s="88"/>
      <c r="S36" s="89"/>
      <c r="T36" s="90"/>
      <c r="U36" s="88"/>
      <c r="V36" s="89"/>
      <c r="W36" s="89"/>
      <c r="X36" s="89"/>
      <c r="Y36" s="89"/>
      <c r="Z36" s="90"/>
      <c r="AA36" s="73"/>
      <c r="AB36" s="74"/>
      <c r="AC36" s="74"/>
      <c r="AD36" s="74"/>
      <c r="AE36" s="74"/>
      <c r="AF36" s="74"/>
      <c r="AG36" s="75"/>
      <c r="AH36" s="73"/>
      <c r="AI36" s="74"/>
      <c r="AJ36" s="74"/>
      <c r="AK36" s="75"/>
      <c r="AL36" s="73"/>
      <c r="AM36" s="74"/>
      <c r="AN36" s="74"/>
      <c r="AO36" s="75"/>
      <c r="AP36" s="73"/>
      <c r="AQ36" s="74"/>
      <c r="AR36" s="75"/>
      <c r="AS36" s="73"/>
      <c r="AT36" s="74"/>
      <c r="AU36" s="75"/>
      <c r="AV36" s="73"/>
      <c r="AW36" s="74"/>
      <c r="AX36" s="74"/>
      <c r="AY36" s="75"/>
      <c r="AZ36" s="73"/>
      <c r="BA36" s="74"/>
      <c r="BB36" s="74"/>
      <c r="BC36" s="75"/>
      <c r="BE36" s="24"/>
      <c r="BF36" s="25"/>
    </row>
    <row r="37" spans="2:64" ht="21" customHeight="1" x14ac:dyDescent="0.15">
      <c r="B37" s="18"/>
      <c r="C37" s="85"/>
      <c r="D37" s="86"/>
      <c r="E37" s="86"/>
      <c r="F37" s="87"/>
      <c r="G37" s="85"/>
      <c r="H37" s="86"/>
      <c r="I37" s="86"/>
      <c r="J37" s="87"/>
      <c r="K37" s="85"/>
      <c r="L37" s="86"/>
      <c r="M37" s="86"/>
      <c r="N37" s="87"/>
      <c r="O37" s="91"/>
      <c r="P37" s="92"/>
      <c r="Q37" s="93"/>
      <c r="R37" s="91"/>
      <c r="S37" s="92"/>
      <c r="T37" s="93"/>
      <c r="U37" s="91"/>
      <c r="V37" s="92"/>
      <c r="W37" s="92"/>
      <c r="X37" s="92"/>
      <c r="Y37" s="92"/>
      <c r="Z37" s="93"/>
      <c r="AA37" s="76"/>
      <c r="AB37" s="77"/>
      <c r="AC37" s="77"/>
      <c r="AD37" s="77"/>
      <c r="AE37" s="77"/>
      <c r="AF37" s="77"/>
      <c r="AG37" s="78"/>
      <c r="AH37" s="76"/>
      <c r="AI37" s="77"/>
      <c r="AJ37" s="77"/>
      <c r="AK37" s="78"/>
      <c r="AL37" s="76"/>
      <c r="AM37" s="77"/>
      <c r="AN37" s="77"/>
      <c r="AO37" s="78"/>
      <c r="AP37" s="76"/>
      <c r="AQ37" s="77"/>
      <c r="AR37" s="78"/>
      <c r="AS37" s="76"/>
      <c r="AT37" s="77"/>
      <c r="AU37" s="78"/>
      <c r="AV37" s="76"/>
      <c r="AW37" s="77"/>
      <c r="AX37" s="77"/>
      <c r="AY37" s="78"/>
      <c r="AZ37" s="76"/>
      <c r="BA37" s="77"/>
      <c r="BB37" s="77"/>
      <c r="BC37" s="78"/>
      <c r="BE37" s="24"/>
      <c r="BF37" s="25"/>
    </row>
    <row r="38" spans="2:64" ht="21" customHeight="1" x14ac:dyDescent="0.15">
      <c r="B38" s="18"/>
      <c r="C38" s="79"/>
      <c r="D38" s="80"/>
      <c r="E38" s="80"/>
      <c r="F38" s="81"/>
      <c r="G38" s="79"/>
      <c r="H38" s="80"/>
      <c r="I38" s="80"/>
      <c r="J38" s="81"/>
      <c r="K38" s="79"/>
      <c r="L38" s="80"/>
      <c r="M38" s="80"/>
      <c r="N38" s="81"/>
      <c r="O38" s="88"/>
      <c r="P38" s="89"/>
      <c r="Q38" s="90"/>
      <c r="R38" s="88"/>
      <c r="S38" s="89"/>
      <c r="T38" s="90"/>
      <c r="U38" s="88"/>
      <c r="V38" s="89"/>
      <c r="W38" s="89"/>
      <c r="X38" s="89"/>
      <c r="Y38" s="89"/>
      <c r="Z38" s="90"/>
      <c r="AA38" s="73"/>
      <c r="AB38" s="74"/>
      <c r="AC38" s="74"/>
      <c r="AD38" s="74"/>
      <c r="AE38" s="74"/>
      <c r="AF38" s="74"/>
      <c r="AG38" s="75"/>
      <c r="AH38" s="73"/>
      <c r="AI38" s="74"/>
      <c r="AJ38" s="74"/>
      <c r="AK38" s="75"/>
      <c r="AL38" s="73"/>
      <c r="AM38" s="74"/>
      <c r="AN38" s="74"/>
      <c r="AO38" s="75"/>
      <c r="AP38" s="73"/>
      <c r="AQ38" s="74"/>
      <c r="AR38" s="75"/>
      <c r="AS38" s="73"/>
      <c r="AT38" s="74"/>
      <c r="AU38" s="75"/>
      <c r="AV38" s="73"/>
      <c r="AW38" s="74"/>
      <c r="AX38" s="74"/>
      <c r="AY38" s="75"/>
      <c r="AZ38" s="73"/>
      <c r="BA38" s="74"/>
      <c r="BB38" s="74"/>
      <c r="BC38" s="75"/>
      <c r="BE38" s="24"/>
      <c r="BF38" s="25"/>
    </row>
    <row r="39" spans="2:64" ht="21" customHeight="1" thickBot="1" x14ac:dyDescent="0.2">
      <c r="B39" s="18"/>
      <c r="C39" s="82"/>
      <c r="D39" s="83"/>
      <c r="E39" s="83"/>
      <c r="F39" s="84"/>
      <c r="G39" s="85"/>
      <c r="H39" s="86"/>
      <c r="I39" s="86"/>
      <c r="J39" s="87"/>
      <c r="K39" s="85"/>
      <c r="L39" s="86"/>
      <c r="M39" s="86"/>
      <c r="N39" s="87"/>
      <c r="O39" s="91"/>
      <c r="P39" s="92"/>
      <c r="Q39" s="93"/>
      <c r="R39" s="91"/>
      <c r="S39" s="92"/>
      <c r="T39" s="93"/>
      <c r="U39" s="94"/>
      <c r="V39" s="95"/>
      <c r="W39" s="95"/>
      <c r="X39" s="95"/>
      <c r="Y39" s="95"/>
      <c r="Z39" s="96"/>
      <c r="AA39" s="76"/>
      <c r="AB39" s="77"/>
      <c r="AC39" s="77"/>
      <c r="AD39" s="77"/>
      <c r="AE39" s="77"/>
      <c r="AF39" s="77"/>
      <c r="AG39" s="78"/>
      <c r="AH39" s="76"/>
      <c r="AI39" s="77"/>
      <c r="AJ39" s="77"/>
      <c r="AK39" s="78"/>
      <c r="AL39" s="76"/>
      <c r="AM39" s="77"/>
      <c r="AN39" s="77"/>
      <c r="AO39" s="78"/>
      <c r="AP39" s="76"/>
      <c r="AQ39" s="77"/>
      <c r="AR39" s="78"/>
      <c r="AS39" s="76"/>
      <c r="AT39" s="77"/>
      <c r="AU39" s="78"/>
      <c r="AV39" s="76"/>
      <c r="AW39" s="77"/>
      <c r="AX39" s="77"/>
      <c r="AY39" s="78"/>
      <c r="AZ39" s="76"/>
      <c r="BA39" s="77"/>
      <c r="BB39" s="77"/>
      <c r="BC39" s="78"/>
      <c r="BE39" s="24"/>
      <c r="BF39" s="25"/>
    </row>
    <row r="40" spans="2:64" ht="24.75" customHeight="1" thickTop="1" x14ac:dyDescent="0.15">
      <c r="B40" s="18"/>
      <c r="C40" s="32"/>
      <c r="D40" s="33"/>
      <c r="E40" s="33"/>
      <c r="F40" s="34"/>
      <c r="G40" s="32"/>
      <c r="H40" s="56"/>
      <c r="I40" s="56"/>
      <c r="J40" s="56"/>
      <c r="K40" s="55"/>
      <c r="L40" s="56"/>
      <c r="M40" s="56"/>
      <c r="N40" s="56"/>
      <c r="O40" s="55"/>
      <c r="P40" s="56"/>
      <c r="Q40" s="57"/>
      <c r="R40" s="55"/>
      <c r="S40" s="56"/>
      <c r="T40" s="57"/>
      <c r="U40" s="67"/>
      <c r="V40" s="68"/>
      <c r="W40" s="68"/>
      <c r="X40" s="68"/>
      <c r="Y40" s="68"/>
      <c r="Z40" s="69"/>
      <c r="AA40" s="55"/>
      <c r="AB40" s="56"/>
      <c r="AC40" s="56"/>
      <c r="AD40" s="56"/>
      <c r="AE40" s="56"/>
      <c r="AF40" s="56"/>
      <c r="AG40" s="57"/>
      <c r="AH40" s="55"/>
      <c r="AI40" s="56"/>
      <c r="AJ40" s="56"/>
      <c r="AK40" s="57"/>
      <c r="AL40" s="70"/>
      <c r="AM40" s="71"/>
      <c r="AN40" s="71"/>
      <c r="AO40" s="72"/>
      <c r="AP40" s="70"/>
      <c r="AQ40" s="71"/>
      <c r="AR40" s="72"/>
      <c r="AS40" s="70"/>
      <c r="AT40" s="71"/>
      <c r="AU40" s="72"/>
      <c r="AV40" s="70"/>
      <c r="AW40" s="71"/>
      <c r="AX40" s="71"/>
      <c r="AY40" s="72"/>
      <c r="AZ40" s="55"/>
      <c r="BA40" s="56"/>
      <c r="BB40" s="56"/>
      <c r="BC40" s="57"/>
      <c r="BE40" s="24"/>
      <c r="BF40" s="25"/>
    </row>
    <row r="41" spans="2:64" ht="10.5" customHeight="1" x14ac:dyDescent="0.15">
      <c r="B41" s="18"/>
      <c r="C41" s="5"/>
      <c r="D41" s="3"/>
      <c r="E41" s="3"/>
      <c r="F41" s="3"/>
      <c r="G41" s="3"/>
      <c r="H41" s="3"/>
      <c r="I41" s="3"/>
      <c r="J41" s="3"/>
      <c r="K41" s="3"/>
      <c r="L41" s="3"/>
      <c r="M41" s="3"/>
      <c r="N41" s="3"/>
      <c r="O41" s="3"/>
      <c r="P41" s="3"/>
      <c r="Q41" s="3"/>
      <c r="R41" s="3"/>
      <c r="S41" s="3"/>
      <c r="T41" s="3"/>
      <c r="U41" s="3"/>
      <c r="V41" s="3"/>
      <c r="W41" s="3"/>
      <c r="X41" s="3"/>
      <c r="Y41" s="3"/>
      <c r="Z41" s="3"/>
      <c r="AA41" s="3"/>
      <c r="AB41" s="3"/>
      <c r="AC41" s="3"/>
      <c r="AD41" s="3"/>
      <c r="AE41" s="3"/>
      <c r="AF41" s="3"/>
      <c r="AG41" s="3"/>
      <c r="AH41" s="3"/>
      <c r="AI41" s="3"/>
      <c r="AJ41" s="3"/>
      <c r="AK41" s="3"/>
      <c r="AL41" s="3"/>
      <c r="AM41" s="3"/>
      <c r="AN41" s="3"/>
      <c r="AO41" s="3"/>
      <c r="AP41" s="3"/>
      <c r="AQ41" s="3"/>
      <c r="AR41" s="19"/>
      <c r="AS41" s="19"/>
      <c r="AT41" s="19"/>
      <c r="AU41" s="19"/>
      <c r="AV41" s="19"/>
      <c r="AW41" s="19"/>
      <c r="AX41" s="19"/>
      <c r="AY41" s="19"/>
      <c r="AZ41" s="19"/>
      <c r="BA41" s="19"/>
      <c r="BB41" s="19"/>
      <c r="BC41" s="19"/>
      <c r="BD41" s="20"/>
      <c r="BE41" s="21"/>
      <c r="BF41" s="22"/>
      <c r="BG41" s="20"/>
      <c r="BJ41" s="20"/>
      <c r="BK41" s="23"/>
      <c r="BL41" s="23"/>
    </row>
    <row r="42" spans="2:64" x14ac:dyDescent="0.15">
      <c r="B42" s="18"/>
      <c r="C42" s="5" t="s">
        <v>119</v>
      </c>
      <c r="D42" s="3"/>
      <c r="E42" s="3"/>
      <c r="F42" s="3"/>
      <c r="G42" s="3"/>
      <c r="H42" s="3"/>
      <c r="I42" s="3"/>
      <c r="J42" s="3"/>
      <c r="K42" s="3"/>
      <c r="L42" s="3"/>
      <c r="M42" s="3"/>
      <c r="N42" s="3"/>
      <c r="O42" s="3"/>
      <c r="P42" s="3"/>
      <c r="Q42" s="3"/>
      <c r="R42" s="3"/>
      <c r="S42" s="3"/>
      <c r="T42" s="3"/>
      <c r="U42" s="3"/>
      <c r="V42" s="3"/>
      <c r="W42" s="3"/>
      <c r="X42" s="3"/>
      <c r="Y42" s="3"/>
      <c r="Z42" s="3"/>
      <c r="AA42" s="3"/>
      <c r="AB42" s="3"/>
      <c r="AC42" s="3"/>
      <c r="AD42" s="3"/>
      <c r="AE42" s="3"/>
      <c r="AF42" s="3"/>
      <c r="AG42" s="3"/>
      <c r="AH42" s="3"/>
      <c r="AI42" s="3"/>
      <c r="AJ42" s="3"/>
      <c r="AK42" s="3"/>
      <c r="AL42" s="3"/>
      <c r="AM42" s="3"/>
      <c r="AN42" s="3"/>
      <c r="AO42" s="3"/>
      <c r="AP42" s="3"/>
      <c r="AQ42" s="3"/>
      <c r="AR42" s="19"/>
      <c r="AS42" s="19"/>
      <c r="AT42" s="19"/>
      <c r="AU42" s="19"/>
      <c r="AV42" s="19"/>
      <c r="AW42" s="19"/>
      <c r="AX42" s="19"/>
      <c r="AY42" s="19"/>
      <c r="AZ42" s="19"/>
      <c r="BA42" s="19"/>
      <c r="BB42" s="19"/>
      <c r="BC42" s="19"/>
      <c r="BD42" s="20"/>
      <c r="BE42" s="21"/>
      <c r="BF42" s="22"/>
      <c r="BG42" s="20"/>
      <c r="BI42" s="20"/>
      <c r="BJ42" s="20"/>
      <c r="BK42" s="23"/>
      <c r="BL42" s="23"/>
    </row>
    <row r="43" spans="2:64" x14ac:dyDescent="0.15">
      <c r="B43" s="18"/>
      <c r="C43" s="3"/>
      <c r="D43" s="3"/>
      <c r="E43" s="3"/>
      <c r="F43" s="3"/>
      <c r="G43" s="3"/>
      <c r="H43" s="3"/>
      <c r="I43" s="3"/>
      <c r="J43" s="3"/>
      <c r="K43" s="3"/>
      <c r="L43" s="3"/>
      <c r="M43" s="3"/>
      <c r="N43" s="3"/>
      <c r="O43" s="3"/>
      <c r="P43" s="3"/>
      <c r="Q43" s="3"/>
      <c r="R43" s="3"/>
      <c r="S43" s="3"/>
      <c r="T43" s="3"/>
      <c r="U43" s="3"/>
      <c r="V43" s="3"/>
      <c r="W43" s="3"/>
      <c r="X43" s="3"/>
      <c r="Y43" s="3"/>
      <c r="Z43" s="3"/>
      <c r="AA43" s="3"/>
      <c r="AB43" s="3"/>
      <c r="AC43" s="3"/>
      <c r="AD43" s="3"/>
      <c r="AE43" s="3"/>
      <c r="AF43" s="3"/>
      <c r="AG43" s="3"/>
      <c r="AH43" s="3"/>
      <c r="AI43" s="3"/>
      <c r="AJ43" s="3"/>
      <c r="AK43" s="3"/>
      <c r="AL43" s="3"/>
      <c r="AM43" s="3"/>
      <c r="AN43" s="3"/>
      <c r="AO43" s="3"/>
      <c r="AP43" s="3"/>
      <c r="AQ43" s="3"/>
      <c r="AR43" s="19"/>
      <c r="AS43" s="19"/>
      <c r="AT43" s="19"/>
      <c r="AU43" s="19"/>
      <c r="AV43" s="19"/>
      <c r="AW43" s="19"/>
      <c r="AX43" s="19"/>
      <c r="AY43" s="19"/>
      <c r="AZ43" s="19"/>
      <c r="BA43" s="264" t="s">
        <v>5</v>
      </c>
      <c r="BB43" s="264"/>
      <c r="BC43" s="264"/>
      <c r="BE43" s="21"/>
      <c r="BF43" s="22"/>
      <c r="BG43" s="20"/>
      <c r="BH43" s="20"/>
    </row>
    <row r="44" spans="2:64" ht="24.75" customHeight="1" x14ac:dyDescent="0.15">
      <c r="B44" s="18"/>
      <c r="C44" s="256" t="s">
        <v>29</v>
      </c>
      <c r="D44" s="256"/>
      <c r="E44" s="256"/>
      <c r="F44" s="256"/>
      <c r="G44" s="256" t="s">
        <v>30</v>
      </c>
      <c r="H44" s="256"/>
      <c r="I44" s="256"/>
      <c r="J44" s="256"/>
      <c r="K44" s="256" t="s">
        <v>31</v>
      </c>
      <c r="L44" s="256"/>
      <c r="M44" s="256"/>
      <c r="N44" s="256"/>
      <c r="O44" s="256" t="s">
        <v>8</v>
      </c>
      <c r="P44" s="256"/>
      <c r="Q44" s="256"/>
      <c r="R44" s="256" t="s">
        <v>32</v>
      </c>
      <c r="S44" s="256"/>
      <c r="T44" s="256"/>
      <c r="U44" s="256" t="s">
        <v>33</v>
      </c>
      <c r="V44" s="256"/>
      <c r="W44" s="256"/>
      <c r="X44" s="256"/>
      <c r="Y44" s="256"/>
      <c r="Z44" s="256"/>
      <c r="AA44" s="256" t="s">
        <v>34</v>
      </c>
      <c r="AB44" s="256"/>
      <c r="AC44" s="256"/>
      <c r="AD44" s="256"/>
      <c r="AE44" s="256"/>
      <c r="AF44" s="256"/>
      <c r="AG44" s="256"/>
      <c r="AH44" s="256" t="s">
        <v>35</v>
      </c>
      <c r="AI44" s="256"/>
      <c r="AJ44" s="256"/>
      <c r="AK44" s="256"/>
      <c r="AL44" s="256" t="s">
        <v>36</v>
      </c>
      <c r="AM44" s="256"/>
      <c r="AN44" s="256"/>
      <c r="AO44" s="257"/>
      <c r="AP44" s="256" t="s">
        <v>37</v>
      </c>
      <c r="AQ44" s="256"/>
      <c r="AR44" s="256"/>
      <c r="AS44" s="259" t="s">
        <v>11</v>
      </c>
      <c r="AT44" s="256"/>
      <c r="AU44" s="257"/>
      <c r="AV44" s="260" t="s">
        <v>38</v>
      </c>
      <c r="AW44" s="260"/>
      <c r="AX44" s="260"/>
      <c r="AY44" s="260"/>
      <c r="AZ44" s="262" t="s">
        <v>16</v>
      </c>
      <c r="BA44" s="260"/>
      <c r="BB44" s="260"/>
      <c r="BC44" s="260"/>
      <c r="BE44" s="24"/>
      <c r="BF44" s="25"/>
    </row>
    <row r="45" spans="2:64" ht="24.75" customHeight="1" x14ac:dyDescent="0.15">
      <c r="B45" s="18"/>
      <c r="C45" s="256"/>
      <c r="D45" s="256"/>
      <c r="E45" s="256"/>
      <c r="F45" s="256"/>
      <c r="G45" s="256"/>
      <c r="H45" s="256"/>
      <c r="I45" s="256"/>
      <c r="J45" s="256"/>
      <c r="K45" s="256"/>
      <c r="L45" s="256"/>
      <c r="M45" s="256"/>
      <c r="N45" s="256"/>
      <c r="O45" s="256"/>
      <c r="P45" s="256"/>
      <c r="Q45" s="256"/>
      <c r="R45" s="256"/>
      <c r="S45" s="256"/>
      <c r="T45" s="256"/>
      <c r="U45" s="256"/>
      <c r="V45" s="256"/>
      <c r="W45" s="256"/>
      <c r="X45" s="256"/>
      <c r="Y45" s="256"/>
      <c r="Z45" s="256"/>
      <c r="AA45" s="256"/>
      <c r="AB45" s="256"/>
      <c r="AC45" s="256"/>
      <c r="AD45" s="256"/>
      <c r="AE45" s="256"/>
      <c r="AF45" s="256"/>
      <c r="AG45" s="256"/>
      <c r="AH45" s="256"/>
      <c r="AI45" s="256"/>
      <c r="AJ45" s="256"/>
      <c r="AK45" s="256"/>
      <c r="AL45" s="256"/>
      <c r="AM45" s="256"/>
      <c r="AN45" s="256"/>
      <c r="AO45" s="257"/>
      <c r="AP45" s="256"/>
      <c r="AQ45" s="256"/>
      <c r="AR45" s="256"/>
      <c r="AS45" s="259"/>
      <c r="AT45" s="256"/>
      <c r="AU45" s="257"/>
      <c r="AV45" s="260"/>
      <c r="AW45" s="260"/>
      <c r="AX45" s="260"/>
      <c r="AY45" s="260"/>
      <c r="AZ45" s="262"/>
      <c r="BA45" s="260"/>
      <c r="BB45" s="260"/>
      <c r="BC45" s="260"/>
      <c r="BE45" s="24"/>
      <c r="BF45" s="25"/>
    </row>
    <row r="46" spans="2:64" ht="24.75" customHeight="1" x14ac:dyDescent="0.15">
      <c r="B46" s="18"/>
      <c r="C46" s="256"/>
      <c r="D46" s="256"/>
      <c r="E46" s="256"/>
      <c r="F46" s="256"/>
      <c r="G46" s="256"/>
      <c r="H46" s="256"/>
      <c r="I46" s="256"/>
      <c r="J46" s="256"/>
      <c r="K46" s="256"/>
      <c r="L46" s="256"/>
      <c r="M46" s="256"/>
      <c r="N46" s="256"/>
      <c r="O46" s="256"/>
      <c r="P46" s="256"/>
      <c r="Q46" s="256"/>
      <c r="R46" s="256"/>
      <c r="S46" s="256"/>
      <c r="T46" s="256"/>
      <c r="U46" s="256"/>
      <c r="V46" s="256"/>
      <c r="W46" s="256"/>
      <c r="X46" s="256"/>
      <c r="Y46" s="256"/>
      <c r="Z46" s="256"/>
      <c r="AA46" s="256"/>
      <c r="AB46" s="256"/>
      <c r="AC46" s="256"/>
      <c r="AD46" s="256"/>
      <c r="AE46" s="256"/>
      <c r="AF46" s="256"/>
      <c r="AG46" s="256"/>
      <c r="AH46" s="256"/>
      <c r="AI46" s="256"/>
      <c r="AJ46" s="256"/>
      <c r="AK46" s="256"/>
      <c r="AL46" s="256"/>
      <c r="AM46" s="256"/>
      <c r="AN46" s="256"/>
      <c r="AO46" s="257"/>
      <c r="AP46" s="256"/>
      <c r="AQ46" s="256"/>
      <c r="AR46" s="256"/>
      <c r="AS46" s="259"/>
      <c r="AT46" s="256"/>
      <c r="AU46" s="257"/>
      <c r="AV46" s="261"/>
      <c r="AW46" s="261"/>
      <c r="AX46" s="261"/>
      <c r="AY46" s="261"/>
      <c r="AZ46" s="262"/>
      <c r="BA46" s="260"/>
      <c r="BB46" s="260"/>
      <c r="BC46" s="260"/>
      <c r="BE46" s="24"/>
      <c r="BF46" s="25"/>
    </row>
    <row r="47" spans="2:64" ht="17.25" customHeight="1" x14ac:dyDescent="0.15">
      <c r="B47" s="18"/>
      <c r="C47" s="256"/>
      <c r="D47" s="256"/>
      <c r="E47" s="256"/>
      <c r="F47" s="256"/>
      <c r="G47" s="256"/>
      <c r="H47" s="256"/>
      <c r="I47" s="256"/>
      <c r="J47" s="256"/>
      <c r="K47" s="256"/>
      <c r="L47" s="256"/>
      <c r="M47" s="256"/>
      <c r="N47" s="256"/>
      <c r="O47" s="256"/>
      <c r="P47" s="256"/>
      <c r="Q47" s="256"/>
      <c r="R47" s="256"/>
      <c r="S47" s="256"/>
      <c r="T47" s="256"/>
      <c r="U47" s="256"/>
      <c r="V47" s="256"/>
      <c r="W47" s="256"/>
      <c r="X47" s="256"/>
      <c r="Y47" s="256"/>
      <c r="Z47" s="256"/>
      <c r="AA47" s="256"/>
      <c r="AB47" s="256"/>
      <c r="AC47" s="256"/>
      <c r="AD47" s="256"/>
      <c r="AE47" s="256"/>
      <c r="AF47" s="256"/>
      <c r="AG47" s="256"/>
      <c r="AH47" s="256"/>
      <c r="AI47" s="256"/>
      <c r="AJ47" s="256"/>
      <c r="AK47" s="256"/>
      <c r="AL47" s="256"/>
      <c r="AM47" s="256"/>
      <c r="AN47" s="256"/>
      <c r="AO47" s="257"/>
      <c r="AP47" s="258"/>
      <c r="AQ47" s="258"/>
      <c r="AR47" s="258"/>
      <c r="AS47" s="99"/>
      <c r="AT47" s="258"/>
      <c r="AU47" s="97"/>
      <c r="AV47" s="100" t="s">
        <v>43</v>
      </c>
      <c r="AW47" s="263"/>
      <c r="AX47" s="263"/>
      <c r="AY47" s="102"/>
      <c r="AZ47" s="262"/>
      <c r="BA47" s="260"/>
      <c r="BB47" s="260"/>
      <c r="BC47" s="260"/>
      <c r="BE47" s="24"/>
      <c r="BF47" s="25"/>
    </row>
    <row r="48" spans="2:64" ht="24.75" customHeight="1" x14ac:dyDescent="0.15">
      <c r="B48" s="18"/>
      <c r="C48" s="256"/>
      <c r="D48" s="256"/>
      <c r="E48" s="256"/>
      <c r="F48" s="256"/>
      <c r="G48" s="256"/>
      <c r="H48" s="256"/>
      <c r="I48" s="256"/>
      <c r="J48" s="256"/>
      <c r="K48" s="256"/>
      <c r="L48" s="256"/>
      <c r="M48" s="256"/>
      <c r="N48" s="256"/>
      <c r="O48" s="256"/>
      <c r="P48" s="256"/>
      <c r="Q48" s="256"/>
      <c r="R48" s="256"/>
      <c r="S48" s="256"/>
      <c r="T48" s="256"/>
      <c r="U48" s="256"/>
      <c r="V48" s="256"/>
      <c r="W48" s="256"/>
      <c r="X48" s="256"/>
      <c r="Y48" s="256"/>
      <c r="Z48" s="256"/>
      <c r="AA48" s="256"/>
      <c r="AB48" s="256"/>
      <c r="AC48" s="256"/>
      <c r="AD48" s="256"/>
      <c r="AE48" s="256"/>
      <c r="AF48" s="256"/>
      <c r="AG48" s="256"/>
      <c r="AH48" s="256"/>
      <c r="AI48" s="256"/>
      <c r="AJ48" s="256"/>
      <c r="AK48" s="256"/>
      <c r="AL48" s="256"/>
      <c r="AM48" s="256"/>
      <c r="AN48" s="256"/>
      <c r="AO48" s="257"/>
      <c r="AP48" s="103" t="s">
        <v>40</v>
      </c>
      <c r="AQ48" s="104"/>
      <c r="AR48" s="105"/>
      <c r="AS48" s="104" t="s">
        <v>41</v>
      </c>
      <c r="AT48" s="104"/>
      <c r="AU48" s="104"/>
      <c r="AV48" s="103"/>
      <c r="AW48" s="104"/>
      <c r="AX48" s="104"/>
      <c r="AY48" s="105"/>
      <c r="AZ48" s="262"/>
      <c r="BA48" s="260"/>
      <c r="BB48" s="260"/>
      <c r="BC48" s="260"/>
      <c r="BE48" s="24"/>
      <c r="BF48" s="25"/>
    </row>
    <row r="49" spans="2:59" ht="21" customHeight="1" x14ac:dyDescent="0.15">
      <c r="B49" s="18"/>
      <c r="C49" s="254"/>
      <c r="D49" s="254"/>
      <c r="E49" s="254"/>
      <c r="F49" s="254"/>
      <c r="G49" s="254"/>
      <c r="H49" s="254"/>
      <c r="I49" s="254"/>
      <c r="J49" s="254"/>
      <c r="K49" s="254"/>
      <c r="L49" s="254"/>
      <c r="M49" s="254"/>
      <c r="N49" s="254"/>
      <c r="O49" s="255"/>
      <c r="P49" s="255"/>
      <c r="Q49" s="255"/>
      <c r="R49" s="255"/>
      <c r="S49" s="255"/>
      <c r="T49" s="255"/>
      <c r="U49" s="255"/>
      <c r="V49" s="255"/>
      <c r="W49" s="255"/>
      <c r="X49" s="255"/>
      <c r="Y49" s="255"/>
      <c r="Z49" s="255"/>
      <c r="AA49" s="252"/>
      <c r="AB49" s="252"/>
      <c r="AC49" s="252"/>
      <c r="AD49" s="252"/>
      <c r="AE49" s="252"/>
      <c r="AF49" s="252"/>
      <c r="AG49" s="252"/>
      <c r="AH49" s="252"/>
      <c r="AI49" s="252"/>
      <c r="AJ49" s="252"/>
      <c r="AK49" s="252"/>
      <c r="AL49" s="252"/>
      <c r="AM49" s="252"/>
      <c r="AN49" s="252"/>
      <c r="AO49" s="252"/>
      <c r="AP49" s="253"/>
      <c r="AQ49" s="253"/>
      <c r="AR49" s="253"/>
      <c r="AS49" s="253"/>
      <c r="AT49" s="253"/>
      <c r="AU49" s="253"/>
      <c r="AV49" s="253"/>
      <c r="AW49" s="253"/>
      <c r="AX49" s="253"/>
      <c r="AY49" s="253"/>
      <c r="AZ49" s="252"/>
      <c r="BA49" s="252"/>
      <c r="BB49" s="252"/>
      <c r="BC49" s="252"/>
      <c r="BE49" s="24"/>
      <c r="BF49" s="25"/>
    </row>
    <row r="50" spans="2:59" ht="21" customHeight="1" x14ac:dyDescent="0.15">
      <c r="B50" s="18"/>
      <c r="C50" s="254"/>
      <c r="D50" s="254"/>
      <c r="E50" s="254"/>
      <c r="F50" s="254"/>
      <c r="G50" s="254"/>
      <c r="H50" s="254"/>
      <c r="I50" s="254"/>
      <c r="J50" s="254"/>
      <c r="K50" s="254"/>
      <c r="L50" s="254"/>
      <c r="M50" s="254"/>
      <c r="N50" s="254"/>
      <c r="O50" s="255"/>
      <c r="P50" s="255"/>
      <c r="Q50" s="255"/>
      <c r="R50" s="255"/>
      <c r="S50" s="255"/>
      <c r="T50" s="255"/>
      <c r="U50" s="255"/>
      <c r="V50" s="255"/>
      <c r="W50" s="255"/>
      <c r="X50" s="255"/>
      <c r="Y50" s="255"/>
      <c r="Z50" s="255"/>
      <c r="AA50" s="252"/>
      <c r="AB50" s="252"/>
      <c r="AC50" s="252"/>
      <c r="AD50" s="252"/>
      <c r="AE50" s="252"/>
      <c r="AF50" s="252"/>
      <c r="AG50" s="252"/>
      <c r="AH50" s="252"/>
      <c r="AI50" s="252"/>
      <c r="AJ50" s="252"/>
      <c r="AK50" s="252"/>
      <c r="AL50" s="252"/>
      <c r="AM50" s="252"/>
      <c r="AN50" s="252"/>
      <c r="AO50" s="252"/>
      <c r="AP50" s="252"/>
      <c r="AQ50" s="252"/>
      <c r="AR50" s="252"/>
      <c r="AS50" s="252"/>
      <c r="AT50" s="252"/>
      <c r="AU50" s="252"/>
      <c r="AV50" s="252"/>
      <c r="AW50" s="252"/>
      <c r="AX50" s="252"/>
      <c r="AY50" s="252"/>
      <c r="AZ50" s="252"/>
      <c r="BA50" s="252"/>
      <c r="BB50" s="252"/>
      <c r="BC50" s="252"/>
      <c r="BE50" s="24"/>
      <c r="BF50" s="25"/>
    </row>
    <row r="51" spans="2:59" ht="21" customHeight="1" x14ac:dyDescent="0.15">
      <c r="B51" s="18"/>
      <c r="C51" s="79"/>
      <c r="D51" s="80"/>
      <c r="E51" s="80"/>
      <c r="F51" s="80"/>
      <c r="G51" s="79"/>
      <c r="H51" s="80"/>
      <c r="I51" s="80"/>
      <c r="J51" s="81"/>
      <c r="K51" s="80"/>
      <c r="L51" s="80"/>
      <c r="M51" s="80"/>
      <c r="N51" s="80"/>
      <c r="O51" s="88"/>
      <c r="P51" s="89"/>
      <c r="Q51" s="90"/>
      <c r="R51" s="89"/>
      <c r="S51" s="89"/>
      <c r="T51" s="89"/>
      <c r="U51" s="88"/>
      <c r="V51" s="89"/>
      <c r="W51" s="89"/>
      <c r="X51" s="89"/>
      <c r="Y51" s="89"/>
      <c r="Z51" s="90"/>
      <c r="AA51" s="74"/>
      <c r="AB51" s="74"/>
      <c r="AC51" s="74"/>
      <c r="AD51" s="74"/>
      <c r="AE51" s="74"/>
      <c r="AF51" s="74"/>
      <c r="AG51" s="74"/>
      <c r="AH51" s="73"/>
      <c r="AI51" s="74"/>
      <c r="AJ51" s="74"/>
      <c r="AK51" s="75"/>
      <c r="AL51" s="74"/>
      <c r="AM51" s="74"/>
      <c r="AN51" s="74"/>
      <c r="AO51" s="74"/>
      <c r="AP51" s="73"/>
      <c r="AQ51" s="74"/>
      <c r="AR51" s="75"/>
      <c r="AS51" s="74"/>
      <c r="AT51" s="74"/>
      <c r="AU51" s="74"/>
      <c r="AV51" s="73"/>
      <c r="AW51" s="74"/>
      <c r="AX51" s="74"/>
      <c r="AY51" s="75"/>
      <c r="AZ51" s="74"/>
      <c r="BA51" s="74"/>
      <c r="BB51" s="74"/>
      <c r="BC51" s="75"/>
      <c r="BE51" s="24"/>
      <c r="BF51" s="25"/>
    </row>
    <row r="52" spans="2:59" ht="21" customHeight="1" thickBot="1" x14ac:dyDescent="0.2">
      <c r="B52" s="18"/>
      <c r="C52" s="82"/>
      <c r="D52" s="83"/>
      <c r="E52" s="83"/>
      <c r="F52" s="83"/>
      <c r="G52" s="82"/>
      <c r="H52" s="83"/>
      <c r="I52" s="83"/>
      <c r="J52" s="84"/>
      <c r="K52" s="83"/>
      <c r="L52" s="83"/>
      <c r="M52" s="83"/>
      <c r="N52" s="83"/>
      <c r="O52" s="94"/>
      <c r="P52" s="95"/>
      <c r="Q52" s="96"/>
      <c r="R52" s="95"/>
      <c r="S52" s="95"/>
      <c r="T52" s="95"/>
      <c r="U52" s="94"/>
      <c r="V52" s="95"/>
      <c r="W52" s="95"/>
      <c r="X52" s="95"/>
      <c r="Y52" s="95"/>
      <c r="Z52" s="96"/>
      <c r="AA52" s="176"/>
      <c r="AB52" s="176"/>
      <c r="AC52" s="176"/>
      <c r="AD52" s="176"/>
      <c r="AE52" s="176"/>
      <c r="AF52" s="176"/>
      <c r="AG52" s="176"/>
      <c r="AH52" s="175"/>
      <c r="AI52" s="176"/>
      <c r="AJ52" s="176"/>
      <c r="AK52" s="177"/>
      <c r="AL52" s="176"/>
      <c r="AM52" s="176"/>
      <c r="AN52" s="176"/>
      <c r="AO52" s="176"/>
      <c r="AP52" s="175"/>
      <c r="AQ52" s="176"/>
      <c r="AR52" s="177"/>
      <c r="AS52" s="176"/>
      <c r="AT52" s="176"/>
      <c r="AU52" s="176"/>
      <c r="AV52" s="175"/>
      <c r="AW52" s="176"/>
      <c r="AX52" s="176"/>
      <c r="AY52" s="177"/>
      <c r="AZ52" s="176"/>
      <c r="BA52" s="176"/>
      <c r="BB52" s="176"/>
      <c r="BC52" s="177"/>
      <c r="BE52" s="24"/>
      <c r="BF52" s="25"/>
    </row>
    <row r="53" spans="2:59" ht="24.75" customHeight="1" thickTop="1" x14ac:dyDescent="0.15">
      <c r="B53" s="18"/>
      <c r="C53" s="64"/>
      <c r="D53" s="38"/>
      <c r="E53" s="38"/>
      <c r="F53" s="38"/>
      <c r="G53" s="64"/>
      <c r="H53" s="59"/>
      <c r="I53" s="59"/>
      <c r="J53" s="60"/>
      <c r="K53" s="59"/>
      <c r="L53" s="59"/>
      <c r="M53" s="59"/>
      <c r="N53" s="59"/>
      <c r="O53" s="58"/>
      <c r="P53" s="59"/>
      <c r="Q53" s="60"/>
      <c r="R53" s="59"/>
      <c r="S53" s="59"/>
      <c r="T53" s="59"/>
      <c r="U53" s="249"/>
      <c r="V53" s="250"/>
      <c r="W53" s="250"/>
      <c r="X53" s="250"/>
      <c r="Y53" s="250"/>
      <c r="Z53" s="251"/>
      <c r="AA53" s="59"/>
      <c r="AB53" s="59"/>
      <c r="AC53" s="59"/>
      <c r="AD53" s="59"/>
      <c r="AE53" s="59"/>
      <c r="AF53" s="59"/>
      <c r="AG53" s="59"/>
      <c r="AH53" s="58"/>
      <c r="AI53" s="59"/>
      <c r="AJ53" s="59"/>
      <c r="AK53" s="60"/>
      <c r="AL53" s="86"/>
      <c r="AM53" s="86"/>
      <c r="AN53" s="86"/>
      <c r="AO53" s="86"/>
      <c r="AP53" s="85"/>
      <c r="AQ53" s="86"/>
      <c r="AR53" s="87"/>
      <c r="AS53" s="86"/>
      <c r="AT53" s="86"/>
      <c r="AU53" s="86"/>
      <c r="AV53" s="85"/>
      <c r="AW53" s="86"/>
      <c r="AX53" s="86"/>
      <c r="AY53" s="87"/>
      <c r="AZ53" s="59"/>
      <c r="BA53" s="59"/>
      <c r="BB53" s="59"/>
      <c r="BC53" s="60"/>
      <c r="BE53" s="24"/>
      <c r="BF53" s="25"/>
    </row>
    <row r="54" spans="2:59" x14ac:dyDescent="0.15">
      <c r="B54" s="18"/>
      <c r="C54" s="5"/>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c r="AG54" s="3"/>
      <c r="AH54" s="3"/>
      <c r="AI54" s="3"/>
      <c r="AJ54" s="3"/>
      <c r="AK54" s="3"/>
      <c r="AL54" s="3"/>
      <c r="AM54" s="3"/>
      <c r="AN54" s="3"/>
      <c r="AO54" s="3"/>
      <c r="AP54" s="3"/>
      <c r="AQ54" s="3"/>
      <c r="AR54" s="19"/>
      <c r="AS54" s="19"/>
      <c r="AT54" s="19"/>
      <c r="AU54" s="19"/>
      <c r="AV54" s="19"/>
      <c r="AW54" s="19"/>
      <c r="AX54" s="19"/>
      <c r="AY54" s="19"/>
      <c r="AZ54" s="19"/>
      <c r="BE54" s="21"/>
      <c r="BF54" s="22"/>
      <c r="BG54" s="20"/>
    </row>
    <row r="55" spans="2:59" x14ac:dyDescent="0.15">
      <c r="B55" s="18"/>
      <c r="C55" s="5" t="s">
        <v>120</v>
      </c>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c r="AG55" s="3"/>
      <c r="AH55" s="3"/>
      <c r="AI55" s="3"/>
      <c r="AJ55" s="3"/>
      <c r="AK55" s="3"/>
      <c r="AL55" s="3"/>
      <c r="AM55" s="3"/>
      <c r="AN55" s="3"/>
      <c r="AO55" s="3"/>
      <c r="AP55" s="3"/>
      <c r="AQ55" s="3"/>
      <c r="AR55" s="19"/>
      <c r="AS55" s="19"/>
      <c r="AT55" s="19"/>
      <c r="AU55" s="19"/>
      <c r="AV55" s="19"/>
      <c r="AW55" s="19"/>
      <c r="AX55" s="19"/>
      <c r="AY55" s="19"/>
      <c r="AZ55" s="19"/>
      <c r="BE55" s="21"/>
      <c r="BF55" s="22"/>
      <c r="BG55" s="20"/>
    </row>
    <row r="56" spans="2:59" ht="10.5" customHeight="1" x14ac:dyDescent="0.15">
      <c r="B56" s="18"/>
      <c r="D56" s="35"/>
      <c r="E56" s="35"/>
      <c r="F56" s="35"/>
      <c r="G56" s="35"/>
      <c r="H56" s="35"/>
      <c r="I56" s="35"/>
      <c r="J56" s="35"/>
      <c r="K56" s="35"/>
      <c r="L56" s="35"/>
      <c r="M56" s="35"/>
      <c r="N56" s="35"/>
      <c r="O56" s="35"/>
      <c r="P56" s="35"/>
      <c r="Q56" s="35"/>
      <c r="R56" s="35"/>
      <c r="S56" s="35"/>
      <c r="T56" s="35"/>
      <c r="U56" s="35"/>
      <c r="V56" s="35"/>
      <c r="W56" s="35"/>
      <c r="X56" s="35"/>
      <c r="Y56" s="35"/>
      <c r="Z56" s="35"/>
      <c r="AA56" s="35"/>
      <c r="AB56" s="35"/>
      <c r="AC56" s="35"/>
      <c r="AD56" s="35"/>
      <c r="AE56" s="35"/>
      <c r="AF56" s="35"/>
      <c r="AG56" s="35"/>
      <c r="AH56" s="35"/>
      <c r="AI56" s="35"/>
      <c r="AJ56" s="35"/>
      <c r="AK56" s="35"/>
      <c r="AL56" s="35"/>
      <c r="AM56" s="35"/>
      <c r="AN56" s="35"/>
      <c r="AO56" s="35"/>
      <c r="AP56" s="35"/>
      <c r="AQ56" s="35"/>
      <c r="AR56" s="35"/>
      <c r="AS56" s="35"/>
      <c r="AT56" s="35"/>
      <c r="AU56" s="35"/>
      <c r="AV56" s="35"/>
      <c r="AW56" s="35"/>
      <c r="AX56" s="35"/>
      <c r="AY56" s="35"/>
      <c r="AZ56" s="35"/>
      <c r="BA56" s="248" t="s">
        <v>5</v>
      </c>
      <c r="BB56" s="248"/>
      <c r="BC56" s="248"/>
      <c r="BD56" s="19"/>
      <c r="BE56" s="36"/>
      <c r="BF56" s="25"/>
    </row>
    <row r="57" spans="2:59" ht="24.75" customHeight="1" x14ac:dyDescent="0.15">
      <c r="B57" s="18"/>
      <c r="C57" s="97" t="s">
        <v>29</v>
      </c>
      <c r="D57" s="98"/>
      <c r="E57" s="98"/>
      <c r="F57" s="99"/>
      <c r="G57" s="97" t="s">
        <v>30</v>
      </c>
      <c r="H57" s="98"/>
      <c r="I57" s="98"/>
      <c r="J57" s="99"/>
      <c r="K57" s="97" t="s">
        <v>31</v>
      </c>
      <c r="L57" s="98"/>
      <c r="M57" s="98"/>
      <c r="N57" s="99"/>
      <c r="O57" s="97" t="s">
        <v>8</v>
      </c>
      <c r="P57" s="98"/>
      <c r="Q57" s="99"/>
      <c r="R57" s="97" t="s">
        <v>32</v>
      </c>
      <c r="S57" s="98"/>
      <c r="T57" s="99"/>
      <c r="U57" s="97" t="s">
        <v>33</v>
      </c>
      <c r="V57" s="98"/>
      <c r="W57" s="98"/>
      <c r="X57" s="98"/>
      <c r="Y57" s="98"/>
      <c r="Z57" s="99"/>
      <c r="AA57" s="97" t="s">
        <v>34</v>
      </c>
      <c r="AB57" s="98"/>
      <c r="AC57" s="98"/>
      <c r="AD57" s="98"/>
      <c r="AE57" s="98"/>
      <c r="AF57" s="98"/>
      <c r="AG57" s="99"/>
      <c r="AH57" s="97" t="s">
        <v>35</v>
      </c>
      <c r="AI57" s="98"/>
      <c r="AJ57" s="98"/>
      <c r="AK57" s="99"/>
      <c r="AL57" s="97" t="s">
        <v>36</v>
      </c>
      <c r="AM57" s="98"/>
      <c r="AN57" s="98"/>
      <c r="AO57" s="99"/>
      <c r="AP57" s="97" t="s">
        <v>37</v>
      </c>
      <c r="AQ57" s="98"/>
      <c r="AR57" s="99"/>
      <c r="AS57" s="97" t="s">
        <v>11</v>
      </c>
      <c r="AT57" s="98"/>
      <c r="AU57" s="99"/>
      <c r="AV57" s="114" t="s">
        <v>38</v>
      </c>
      <c r="AW57" s="115"/>
      <c r="AX57" s="115"/>
      <c r="AY57" s="116"/>
      <c r="AZ57" s="114" t="s">
        <v>16</v>
      </c>
      <c r="BA57" s="115"/>
      <c r="BB57" s="115"/>
      <c r="BC57" s="116"/>
      <c r="BE57" s="24"/>
      <c r="BF57" s="25"/>
    </row>
    <row r="58" spans="2:59" ht="24.75" customHeight="1" x14ac:dyDescent="0.15">
      <c r="B58" s="18"/>
      <c r="C58" s="100"/>
      <c r="D58" s="101"/>
      <c r="E58" s="101"/>
      <c r="F58" s="102"/>
      <c r="G58" s="100"/>
      <c r="H58" s="101"/>
      <c r="I58" s="101"/>
      <c r="J58" s="102"/>
      <c r="K58" s="100"/>
      <c r="L58" s="101"/>
      <c r="M58" s="101"/>
      <c r="N58" s="102"/>
      <c r="O58" s="100"/>
      <c r="P58" s="101"/>
      <c r="Q58" s="102"/>
      <c r="R58" s="100"/>
      <c r="S58" s="101"/>
      <c r="T58" s="102"/>
      <c r="U58" s="100"/>
      <c r="V58" s="101"/>
      <c r="W58" s="101"/>
      <c r="X58" s="101"/>
      <c r="Y58" s="101"/>
      <c r="Z58" s="102"/>
      <c r="AA58" s="100"/>
      <c r="AB58" s="101"/>
      <c r="AC58" s="101"/>
      <c r="AD58" s="101"/>
      <c r="AE58" s="101"/>
      <c r="AF58" s="101"/>
      <c r="AG58" s="102"/>
      <c r="AH58" s="100"/>
      <c r="AI58" s="101"/>
      <c r="AJ58" s="101"/>
      <c r="AK58" s="102"/>
      <c r="AL58" s="100"/>
      <c r="AM58" s="101"/>
      <c r="AN58" s="101"/>
      <c r="AO58" s="102"/>
      <c r="AP58" s="100"/>
      <c r="AQ58" s="101"/>
      <c r="AR58" s="102"/>
      <c r="AS58" s="100"/>
      <c r="AT58" s="101"/>
      <c r="AU58" s="102"/>
      <c r="AV58" s="117"/>
      <c r="AW58" s="118"/>
      <c r="AX58" s="118"/>
      <c r="AY58" s="119"/>
      <c r="AZ58" s="117"/>
      <c r="BA58" s="118"/>
      <c r="BB58" s="118"/>
      <c r="BC58" s="119"/>
      <c r="BE58" s="24"/>
      <c r="BF58" s="25"/>
    </row>
    <row r="59" spans="2:59" ht="24.75" customHeight="1" x14ac:dyDescent="0.15">
      <c r="B59" s="18"/>
      <c r="C59" s="100"/>
      <c r="D59" s="101"/>
      <c r="E59" s="101"/>
      <c r="F59" s="102"/>
      <c r="G59" s="100"/>
      <c r="H59" s="101"/>
      <c r="I59" s="101"/>
      <c r="J59" s="102"/>
      <c r="K59" s="100"/>
      <c r="L59" s="101"/>
      <c r="M59" s="101"/>
      <c r="N59" s="102"/>
      <c r="O59" s="100"/>
      <c r="P59" s="101"/>
      <c r="Q59" s="102"/>
      <c r="R59" s="100"/>
      <c r="S59" s="101"/>
      <c r="T59" s="102"/>
      <c r="U59" s="100"/>
      <c r="V59" s="101"/>
      <c r="W59" s="101"/>
      <c r="X59" s="101"/>
      <c r="Y59" s="101"/>
      <c r="Z59" s="102"/>
      <c r="AA59" s="100"/>
      <c r="AB59" s="101"/>
      <c r="AC59" s="101"/>
      <c r="AD59" s="101"/>
      <c r="AE59" s="101"/>
      <c r="AF59" s="101"/>
      <c r="AG59" s="102"/>
      <c r="AH59" s="100"/>
      <c r="AI59" s="101"/>
      <c r="AJ59" s="101"/>
      <c r="AK59" s="102"/>
      <c r="AL59" s="100"/>
      <c r="AM59" s="101"/>
      <c r="AN59" s="101"/>
      <c r="AO59" s="102"/>
      <c r="AP59" s="100"/>
      <c r="AQ59" s="101"/>
      <c r="AR59" s="102"/>
      <c r="AS59" s="100"/>
      <c r="AT59" s="101"/>
      <c r="AU59" s="102"/>
      <c r="AV59" s="117"/>
      <c r="AW59" s="118"/>
      <c r="AX59" s="118"/>
      <c r="AY59" s="119"/>
      <c r="AZ59" s="117"/>
      <c r="BA59" s="118"/>
      <c r="BB59" s="118"/>
      <c r="BC59" s="119"/>
      <c r="BE59" s="24"/>
      <c r="BF59" s="25"/>
    </row>
    <row r="60" spans="2:59" ht="17.25" customHeight="1" x14ac:dyDescent="0.15">
      <c r="B60" s="18"/>
      <c r="C60" s="100"/>
      <c r="D60" s="101"/>
      <c r="E60" s="101"/>
      <c r="F60" s="102"/>
      <c r="G60" s="100"/>
      <c r="H60" s="101"/>
      <c r="I60" s="101"/>
      <c r="J60" s="102"/>
      <c r="K60" s="100"/>
      <c r="L60" s="101"/>
      <c r="M60" s="101"/>
      <c r="N60" s="102"/>
      <c r="O60" s="100"/>
      <c r="P60" s="101"/>
      <c r="Q60" s="102"/>
      <c r="R60" s="100"/>
      <c r="S60" s="101"/>
      <c r="T60" s="102"/>
      <c r="U60" s="100"/>
      <c r="V60" s="101"/>
      <c r="W60" s="101"/>
      <c r="X60" s="101"/>
      <c r="Y60" s="101"/>
      <c r="Z60" s="102"/>
      <c r="AA60" s="100"/>
      <c r="AB60" s="101"/>
      <c r="AC60" s="101"/>
      <c r="AD60" s="101"/>
      <c r="AE60" s="101"/>
      <c r="AF60" s="101"/>
      <c r="AG60" s="102"/>
      <c r="AH60" s="100"/>
      <c r="AI60" s="101"/>
      <c r="AJ60" s="101"/>
      <c r="AK60" s="102"/>
      <c r="AL60" s="100"/>
      <c r="AM60" s="101"/>
      <c r="AN60" s="101"/>
      <c r="AO60" s="102"/>
      <c r="AP60" s="100"/>
      <c r="AQ60" s="101"/>
      <c r="AR60" s="102"/>
      <c r="AS60" s="100"/>
      <c r="AT60" s="101"/>
      <c r="AU60" s="102"/>
      <c r="AV60" s="100" t="s">
        <v>39</v>
      </c>
      <c r="AW60" s="101"/>
      <c r="AX60" s="101"/>
      <c r="AY60" s="102"/>
      <c r="AZ60" s="117"/>
      <c r="BA60" s="118"/>
      <c r="BB60" s="118"/>
      <c r="BC60" s="119"/>
      <c r="BE60" s="24"/>
      <c r="BF60" s="25"/>
    </row>
    <row r="61" spans="2:59" ht="24.75" customHeight="1" x14ac:dyDescent="0.15">
      <c r="B61" s="18"/>
      <c r="C61" s="103"/>
      <c r="D61" s="104"/>
      <c r="E61" s="104"/>
      <c r="F61" s="105"/>
      <c r="G61" s="103"/>
      <c r="H61" s="104"/>
      <c r="I61" s="104"/>
      <c r="J61" s="105"/>
      <c r="K61" s="103"/>
      <c r="L61" s="104"/>
      <c r="M61" s="104"/>
      <c r="N61" s="105"/>
      <c r="O61" s="103"/>
      <c r="P61" s="104"/>
      <c r="Q61" s="105"/>
      <c r="R61" s="103"/>
      <c r="S61" s="104"/>
      <c r="T61" s="105"/>
      <c r="U61" s="103"/>
      <c r="V61" s="104"/>
      <c r="W61" s="104"/>
      <c r="X61" s="104"/>
      <c r="Y61" s="104"/>
      <c r="Z61" s="105"/>
      <c r="AA61" s="103"/>
      <c r="AB61" s="104"/>
      <c r="AC61" s="104"/>
      <c r="AD61" s="104"/>
      <c r="AE61" s="104"/>
      <c r="AF61" s="104"/>
      <c r="AG61" s="105"/>
      <c r="AH61" s="103"/>
      <c r="AI61" s="104"/>
      <c r="AJ61" s="104"/>
      <c r="AK61" s="105"/>
      <c r="AL61" s="103"/>
      <c r="AM61" s="104"/>
      <c r="AN61" s="104"/>
      <c r="AO61" s="105"/>
      <c r="AP61" s="103" t="s">
        <v>40</v>
      </c>
      <c r="AQ61" s="104"/>
      <c r="AR61" s="105"/>
      <c r="AS61" s="103" t="s">
        <v>41</v>
      </c>
      <c r="AT61" s="104"/>
      <c r="AU61" s="105"/>
      <c r="AV61" s="103"/>
      <c r="AW61" s="104"/>
      <c r="AX61" s="104"/>
      <c r="AY61" s="105"/>
      <c r="AZ61" s="120"/>
      <c r="BA61" s="121"/>
      <c r="BB61" s="121"/>
      <c r="BC61" s="122"/>
      <c r="BE61" s="24"/>
      <c r="BF61" s="25"/>
    </row>
    <row r="62" spans="2:59" ht="21" customHeight="1" x14ac:dyDescent="0.15">
      <c r="B62" s="18"/>
      <c r="C62" s="79"/>
      <c r="D62" s="80"/>
      <c r="E62" s="80"/>
      <c r="F62" s="81"/>
      <c r="G62" s="79"/>
      <c r="H62" s="80"/>
      <c r="I62" s="80"/>
      <c r="J62" s="81"/>
      <c r="K62" s="79"/>
      <c r="L62" s="80"/>
      <c r="M62" s="80"/>
      <c r="N62" s="81"/>
      <c r="O62" s="88"/>
      <c r="P62" s="89"/>
      <c r="Q62" s="90"/>
      <c r="R62" s="88"/>
      <c r="S62" s="89"/>
      <c r="T62" s="90"/>
      <c r="U62" s="88"/>
      <c r="V62" s="89"/>
      <c r="W62" s="89"/>
      <c r="X62" s="89"/>
      <c r="Y62" s="89"/>
      <c r="Z62" s="90"/>
      <c r="AA62" s="73"/>
      <c r="AB62" s="74"/>
      <c r="AC62" s="74"/>
      <c r="AD62" s="74"/>
      <c r="AE62" s="74"/>
      <c r="AF62" s="74"/>
      <c r="AG62" s="75"/>
      <c r="AH62" s="73"/>
      <c r="AI62" s="74"/>
      <c r="AJ62" s="74"/>
      <c r="AK62" s="75"/>
      <c r="AL62" s="73"/>
      <c r="AM62" s="74"/>
      <c r="AN62" s="74"/>
      <c r="AO62" s="75"/>
      <c r="AP62" s="73"/>
      <c r="AQ62" s="74"/>
      <c r="AR62" s="75"/>
      <c r="AS62" s="73"/>
      <c r="AT62" s="74"/>
      <c r="AU62" s="75"/>
      <c r="AV62" s="73"/>
      <c r="AW62" s="74"/>
      <c r="AX62" s="74"/>
      <c r="AY62" s="75"/>
      <c r="AZ62" s="73"/>
      <c r="BA62" s="74"/>
      <c r="BB62" s="74"/>
      <c r="BC62" s="75"/>
      <c r="BE62" s="24"/>
      <c r="BF62" s="25"/>
    </row>
    <row r="63" spans="2:59" ht="21" customHeight="1" x14ac:dyDescent="0.15">
      <c r="B63" s="18"/>
      <c r="C63" s="85"/>
      <c r="D63" s="86"/>
      <c r="E63" s="86"/>
      <c r="F63" s="87"/>
      <c r="G63" s="85"/>
      <c r="H63" s="86"/>
      <c r="I63" s="86"/>
      <c r="J63" s="87"/>
      <c r="K63" s="85"/>
      <c r="L63" s="86"/>
      <c r="M63" s="86"/>
      <c r="N63" s="87"/>
      <c r="O63" s="91"/>
      <c r="P63" s="92"/>
      <c r="Q63" s="93"/>
      <c r="R63" s="91"/>
      <c r="S63" s="92"/>
      <c r="T63" s="93"/>
      <c r="U63" s="91"/>
      <c r="V63" s="92"/>
      <c r="W63" s="92"/>
      <c r="X63" s="92"/>
      <c r="Y63" s="92"/>
      <c r="Z63" s="93"/>
      <c r="AA63" s="76"/>
      <c r="AB63" s="77"/>
      <c r="AC63" s="77"/>
      <c r="AD63" s="77"/>
      <c r="AE63" s="77"/>
      <c r="AF63" s="77"/>
      <c r="AG63" s="78"/>
      <c r="AH63" s="76"/>
      <c r="AI63" s="77"/>
      <c r="AJ63" s="77"/>
      <c r="AK63" s="78"/>
      <c r="AL63" s="76"/>
      <c r="AM63" s="77"/>
      <c r="AN63" s="77"/>
      <c r="AO63" s="78"/>
      <c r="AP63" s="76"/>
      <c r="AQ63" s="77"/>
      <c r="AR63" s="78"/>
      <c r="AS63" s="76"/>
      <c r="AT63" s="77"/>
      <c r="AU63" s="78"/>
      <c r="AV63" s="76"/>
      <c r="AW63" s="77"/>
      <c r="AX63" s="77"/>
      <c r="AY63" s="78"/>
      <c r="AZ63" s="76"/>
      <c r="BA63" s="77"/>
      <c r="BB63" s="77"/>
      <c r="BC63" s="78"/>
      <c r="BE63" s="24"/>
      <c r="BF63" s="25"/>
    </row>
    <row r="64" spans="2:59" ht="21" customHeight="1" x14ac:dyDescent="0.15">
      <c r="B64" s="18"/>
      <c r="C64" s="79"/>
      <c r="D64" s="80"/>
      <c r="E64" s="80"/>
      <c r="F64" s="81"/>
      <c r="G64" s="79"/>
      <c r="H64" s="80"/>
      <c r="I64" s="80"/>
      <c r="J64" s="81"/>
      <c r="K64" s="79"/>
      <c r="L64" s="80"/>
      <c r="M64" s="80"/>
      <c r="N64" s="81"/>
      <c r="O64" s="88"/>
      <c r="P64" s="89"/>
      <c r="Q64" s="90"/>
      <c r="R64" s="88"/>
      <c r="S64" s="89"/>
      <c r="T64" s="90"/>
      <c r="U64" s="88"/>
      <c r="V64" s="89"/>
      <c r="W64" s="89"/>
      <c r="X64" s="89"/>
      <c r="Y64" s="89"/>
      <c r="Z64" s="90"/>
      <c r="AA64" s="73"/>
      <c r="AB64" s="74"/>
      <c r="AC64" s="74"/>
      <c r="AD64" s="74"/>
      <c r="AE64" s="74"/>
      <c r="AF64" s="74"/>
      <c r="AG64" s="75"/>
      <c r="AH64" s="73"/>
      <c r="AI64" s="74"/>
      <c r="AJ64" s="74"/>
      <c r="AK64" s="75"/>
      <c r="AL64" s="73"/>
      <c r="AM64" s="74"/>
      <c r="AN64" s="74"/>
      <c r="AO64" s="75"/>
      <c r="AP64" s="73"/>
      <c r="AQ64" s="74"/>
      <c r="AR64" s="75"/>
      <c r="AS64" s="73"/>
      <c r="AT64" s="74"/>
      <c r="AU64" s="75"/>
      <c r="AV64" s="73"/>
      <c r="AW64" s="74"/>
      <c r="AX64" s="74"/>
      <c r="AY64" s="75"/>
      <c r="AZ64" s="73"/>
      <c r="BA64" s="74"/>
      <c r="BB64" s="74"/>
      <c r="BC64" s="75"/>
      <c r="BE64" s="24"/>
      <c r="BF64" s="25"/>
    </row>
    <row r="65" spans="2:61" ht="21" customHeight="1" thickBot="1" x14ac:dyDescent="0.2">
      <c r="B65" s="18"/>
      <c r="C65" s="82"/>
      <c r="D65" s="83"/>
      <c r="E65" s="83"/>
      <c r="F65" s="84"/>
      <c r="G65" s="85"/>
      <c r="H65" s="86"/>
      <c r="I65" s="86"/>
      <c r="J65" s="87"/>
      <c r="K65" s="85"/>
      <c r="L65" s="86"/>
      <c r="M65" s="86"/>
      <c r="N65" s="87"/>
      <c r="O65" s="91"/>
      <c r="P65" s="92"/>
      <c r="Q65" s="93"/>
      <c r="R65" s="91"/>
      <c r="S65" s="92"/>
      <c r="T65" s="93"/>
      <c r="U65" s="94"/>
      <c r="V65" s="95"/>
      <c r="W65" s="95"/>
      <c r="X65" s="95"/>
      <c r="Y65" s="95"/>
      <c r="Z65" s="96"/>
      <c r="AA65" s="76"/>
      <c r="AB65" s="77"/>
      <c r="AC65" s="77"/>
      <c r="AD65" s="77"/>
      <c r="AE65" s="77"/>
      <c r="AF65" s="77"/>
      <c r="AG65" s="78"/>
      <c r="AH65" s="76"/>
      <c r="AI65" s="77"/>
      <c r="AJ65" s="77"/>
      <c r="AK65" s="78"/>
      <c r="AL65" s="76"/>
      <c r="AM65" s="77"/>
      <c r="AN65" s="77"/>
      <c r="AO65" s="78"/>
      <c r="AP65" s="76"/>
      <c r="AQ65" s="77"/>
      <c r="AR65" s="78"/>
      <c r="AS65" s="76"/>
      <c r="AT65" s="77"/>
      <c r="AU65" s="78"/>
      <c r="AV65" s="76"/>
      <c r="AW65" s="77"/>
      <c r="AX65" s="77"/>
      <c r="AY65" s="78"/>
      <c r="AZ65" s="76"/>
      <c r="BA65" s="77"/>
      <c r="BB65" s="77"/>
      <c r="BC65" s="78"/>
      <c r="BE65" s="24"/>
      <c r="BF65" s="25"/>
    </row>
    <row r="66" spans="2:61" ht="24.75" customHeight="1" thickTop="1" x14ac:dyDescent="0.15">
      <c r="B66" s="18"/>
      <c r="C66" s="32"/>
      <c r="D66" s="33"/>
      <c r="E66" s="33"/>
      <c r="F66" s="34"/>
      <c r="G66" s="32"/>
      <c r="H66" s="56"/>
      <c r="I66" s="56"/>
      <c r="J66" s="56"/>
      <c r="K66" s="55"/>
      <c r="L66" s="56"/>
      <c r="M66" s="56"/>
      <c r="N66" s="56"/>
      <c r="O66" s="55"/>
      <c r="P66" s="56"/>
      <c r="Q66" s="57"/>
      <c r="R66" s="55"/>
      <c r="S66" s="56"/>
      <c r="T66" s="57"/>
      <c r="U66" s="67"/>
      <c r="V66" s="68"/>
      <c r="W66" s="68"/>
      <c r="X66" s="68"/>
      <c r="Y66" s="68"/>
      <c r="Z66" s="69"/>
      <c r="AA66" s="55"/>
      <c r="AB66" s="56"/>
      <c r="AC66" s="56"/>
      <c r="AD66" s="56"/>
      <c r="AE66" s="56"/>
      <c r="AF66" s="56"/>
      <c r="AG66" s="57"/>
      <c r="AH66" s="55"/>
      <c r="AI66" s="56"/>
      <c r="AJ66" s="56"/>
      <c r="AK66" s="57"/>
      <c r="AL66" s="70"/>
      <c r="AM66" s="71"/>
      <c r="AN66" s="71"/>
      <c r="AO66" s="72"/>
      <c r="AP66" s="70"/>
      <c r="AQ66" s="71"/>
      <c r="AR66" s="72"/>
      <c r="AS66" s="70"/>
      <c r="AT66" s="71"/>
      <c r="AU66" s="72"/>
      <c r="AV66" s="70"/>
      <c r="AW66" s="71"/>
      <c r="AX66" s="71"/>
      <c r="AY66" s="72"/>
      <c r="AZ66" s="55"/>
      <c r="BA66" s="56"/>
      <c r="BB66" s="56"/>
      <c r="BC66" s="57"/>
      <c r="BE66" s="24"/>
      <c r="BF66" s="25"/>
      <c r="BH66" s="54"/>
      <c r="BI66" s="54"/>
    </row>
    <row r="67" spans="2:61" ht="7.5" customHeight="1" x14ac:dyDescent="0.15">
      <c r="B67" s="18"/>
      <c r="C67" s="37"/>
      <c r="D67" s="37"/>
      <c r="E67" s="37"/>
      <c r="F67" s="37"/>
      <c r="G67" s="37"/>
      <c r="H67" s="63"/>
      <c r="I67" s="63"/>
      <c r="J67" s="63"/>
      <c r="K67" s="63"/>
      <c r="L67" s="63"/>
      <c r="M67" s="63"/>
      <c r="N67" s="63"/>
      <c r="O67" s="63"/>
      <c r="P67" s="63"/>
      <c r="Q67" s="63"/>
      <c r="R67" s="63"/>
      <c r="S67" s="63"/>
      <c r="T67" s="63"/>
      <c r="AA67" s="63"/>
      <c r="AB67" s="63"/>
      <c r="AC67" s="63"/>
      <c r="AD67" s="63"/>
      <c r="AE67" s="63"/>
      <c r="AF67" s="63"/>
      <c r="AG67" s="63"/>
      <c r="AH67" s="63"/>
      <c r="AI67" s="63"/>
      <c r="AJ67" s="63"/>
      <c r="AK67" s="63"/>
      <c r="AL67" s="62"/>
      <c r="AM67" s="62"/>
      <c r="AN67" s="62"/>
      <c r="AO67" s="62"/>
      <c r="AP67" s="63"/>
      <c r="AQ67" s="63"/>
      <c r="AR67" s="63"/>
      <c r="AS67" s="63"/>
      <c r="AT67" s="63"/>
      <c r="AU67" s="63"/>
      <c r="AV67" s="63"/>
      <c r="AW67" s="63"/>
      <c r="AX67" s="63"/>
      <c r="AY67" s="63"/>
      <c r="AZ67" s="63"/>
      <c r="BA67" s="63"/>
      <c r="BB67" s="63"/>
      <c r="BC67" s="63"/>
      <c r="BE67" s="24"/>
      <c r="BF67" s="25"/>
    </row>
    <row r="68" spans="2:61" ht="17.25" customHeight="1" x14ac:dyDescent="0.15">
      <c r="B68" s="18"/>
      <c r="C68" s="5" t="s">
        <v>118</v>
      </c>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c r="AG68" s="3"/>
      <c r="AH68" s="3"/>
      <c r="AI68" s="3"/>
      <c r="AJ68" s="3"/>
      <c r="AK68" s="3"/>
      <c r="AL68" s="3"/>
      <c r="AM68" s="3"/>
      <c r="AN68" s="3"/>
      <c r="AO68" s="3"/>
      <c r="AP68" s="3"/>
      <c r="AQ68" s="3"/>
      <c r="AR68" s="19"/>
      <c r="AS68" s="19"/>
      <c r="AT68" s="19"/>
      <c r="AU68" s="19"/>
      <c r="AV68" s="19"/>
      <c r="AW68" s="19"/>
      <c r="AX68" s="19"/>
      <c r="AY68" s="19"/>
      <c r="AZ68" s="19"/>
      <c r="BE68" s="21"/>
      <c r="BF68" s="20"/>
      <c r="BG68" s="20"/>
    </row>
    <row r="69" spans="2:61" ht="10.5" customHeight="1" x14ac:dyDescent="0.15">
      <c r="B69" s="18"/>
      <c r="D69" s="35"/>
      <c r="E69" s="35"/>
      <c r="F69" s="35"/>
      <c r="G69" s="35"/>
      <c r="H69" s="35"/>
      <c r="I69" s="35"/>
      <c r="J69" s="35"/>
      <c r="K69" s="35"/>
      <c r="L69" s="35"/>
      <c r="M69" s="35"/>
      <c r="N69" s="35"/>
      <c r="O69" s="35"/>
      <c r="P69" s="35"/>
      <c r="Q69" s="35"/>
      <c r="R69" s="35"/>
      <c r="S69" s="35"/>
      <c r="T69" s="35"/>
      <c r="U69" s="35"/>
      <c r="V69" s="35"/>
      <c r="W69" s="35"/>
      <c r="X69" s="35"/>
      <c r="Y69" s="35"/>
      <c r="Z69" s="35"/>
      <c r="AA69" s="35"/>
      <c r="AB69" s="35"/>
      <c r="AC69" s="35"/>
      <c r="AD69" s="35"/>
      <c r="AE69" s="35"/>
      <c r="AF69" s="35"/>
      <c r="AG69" s="35"/>
      <c r="AH69" s="35"/>
      <c r="AI69" s="35"/>
      <c r="AJ69" s="35"/>
      <c r="AK69" s="35"/>
      <c r="AL69" s="35"/>
      <c r="AM69" s="35"/>
      <c r="AN69" s="35"/>
      <c r="AO69" s="35"/>
      <c r="AP69" s="35"/>
      <c r="AQ69" s="35"/>
      <c r="AR69" s="35"/>
      <c r="AS69" s="35"/>
      <c r="AT69" s="35"/>
      <c r="AU69" s="35"/>
      <c r="AV69" s="35"/>
      <c r="AW69" s="35"/>
      <c r="AX69" s="35"/>
      <c r="AY69" s="35"/>
      <c r="AZ69" s="35"/>
      <c r="BA69" s="248" t="s">
        <v>5</v>
      </c>
      <c r="BB69" s="248"/>
      <c r="BC69" s="248"/>
      <c r="BD69" s="19"/>
      <c r="BE69" s="36"/>
      <c r="BF69" s="25"/>
    </row>
    <row r="70" spans="2:61" ht="24.75" customHeight="1" x14ac:dyDescent="0.15">
      <c r="B70" s="18"/>
      <c r="C70" s="97" t="s">
        <v>29</v>
      </c>
      <c r="D70" s="98"/>
      <c r="E70" s="98"/>
      <c r="F70" s="99"/>
      <c r="G70" s="97" t="s">
        <v>30</v>
      </c>
      <c r="H70" s="98"/>
      <c r="I70" s="98"/>
      <c r="J70" s="99"/>
      <c r="K70" s="97" t="s">
        <v>31</v>
      </c>
      <c r="L70" s="98"/>
      <c r="M70" s="98"/>
      <c r="N70" s="99"/>
      <c r="O70" s="97" t="s">
        <v>8</v>
      </c>
      <c r="P70" s="98"/>
      <c r="Q70" s="99"/>
      <c r="R70" s="97" t="s">
        <v>32</v>
      </c>
      <c r="S70" s="98"/>
      <c r="T70" s="99"/>
      <c r="U70" s="97" t="s">
        <v>33</v>
      </c>
      <c r="V70" s="98"/>
      <c r="W70" s="98"/>
      <c r="X70" s="98"/>
      <c r="Y70" s="98"/>
      <c r="Z70" s="99"/>
      <c r="AA70" s="97" t="s">
        <v>34</v>
      </c>
      <c r="AB70" s="98"/>
      <c r="AC70" s="98"/>
      <c r="AD70" s="98"/>
      <c r="AE70" s="98"/>
      <c r="AF70" s="98"/>
      <c r="AG70" s="99"/>
      <c r="AH70" s="97" t="s">
        <v>35</v>
      </c>
      <c r="AI70" s="98"/>
      <c r="AJ70" s="98"/>
      <c r="AK70" s="99"/>
      <c r="AL70" s="97" t="s">
        <v>36</v>
      </c>
      <c r="AM70" s="98"/>
      <c r="AN70" s="98"/>
      <c r="AO70" s="99"/>
      <c r="AP70" s="97" t="s">
        <v>37</v>
      </c>
      <c r="AQ70" s="98"/>
      <c r="AR70" s="99"/>
      <c r="AS70" s="97" t="s">
        <v>11</v>
      </c>
      <c r="AT70" s="98"/>
      <c r="AU70" s="99"/>
      <c r="AV70" s="114" t="s">
        <v>38</v>
      </c>
      <c r="AW70" s="115"/>
      <c r="AX70" s="115"/>
      <c r="AY70" s="116"/>
      <c r="AZ70" s="114" t="s">
        <v>16</v>
      </c>
      <c r="BA70" s="115"/>
      <c r="BB70" s="115"/>
      <c r="BC70" s="116"/>
      <c r="BE70" s="24"/>
      <c r="BF70" s="25"/>
    </row>
    <row r="71" spans="2:61" ht="24.75" customHeight="1" x14ac:dyDescent="0.15">
      <c r="B71" s="18"/>
      <c r="C71" s="100"/>
      <c r="D71" s="101"/>
      <c r="E71" s="101"/>
      <c r="F71" s="102"/>
      <c r="G71" s="100"/>
      <c r="H71" s="101"/>
      <c r="I71" s="101"/>
      <c r="J71" s="102"/>
      <c r="K71" s="100"/>
      <c r="L71" s="101"/>
      <c r="M71" s="101"/>
      <c r="N71" s="102"/>
      <c r="O71" s="100"/>
      <c r="P71" s="101"/>
      <c r="Q71" s="102"/>
      <c r="R71" s="100"/>
      <c r="S71" s="101"/>
      <c r="T71" s="102"/>
      <c r="U71" s="100"/>
      <c r="V71" s="101"/>
      <c r="W71" s="101"/>
      <c r="X71" s="101"/>
      <c r="Y71" s="101"/>
      <c r="Z71" s="102"/>
      <c r="AA71" s="100"/>
      <c r="AB71" s="101"/>
      <c r="AC71" s="101"/>
      <c r="AD71" s="101"/>
      <c r="AE71" s="101"/>
      <c r="AF71" s="101"/>
      <c r="AG71" s="102"/>
      <c r="AH71" s="100"/>
      <c r="AI71" s="101"/>
      <c r="AJ71" s="101"/>
      <c r="AK71" s="102"/>
      <c r="AL71" s="100"/>
      <c r="AM71" s="101"/>
      <c r="AN71" s="101"/>
      <c r="AO71" s="102"/>
      <c r="AP71" s="100"/>
      <c r="AQ71" s="101"/>
      <c r="AR71" s="102"/>
      <c r="AS71" s="100"/>
      <c r="AT71" s="101"/>
      <c r="AU71" s="102"/>
      <c r="AV71" s="117"/>
      <c r="AW71" s="118"/>
      <c r="AX71" s="118"/>
      <c r="AY71" s="119"/>
      <c r="AZ71" s="117"/>
      <c r="BA71" s="118"/>
      <c r="BB71" s="118"/>
      <c r="BC71" s="119"/>
      <c r="BE71" s="24"/>
      <c r="BF71" s="25"/>
    </row>
    <row r="72" spans="2:61" ht="24.75" customHeight="1" x14ac:dyDescent="0.15">
      <c r="B72" s="18"/>
      <c r="C72" s="100"/>
      <c r="D72" s="101"/>
      <c r="E72" s="101"/>
      <c r="F72" s="102"/>
      <c r="G72" s="100"/>
      <c r="H72" s="101"/>
      <c r="I72" s="101"/>
      <c r="J72" s="102"/>
      <c r="K72" s="100"/>
      <c r="L72" s="101"/>
      <c r="M72" s="101"/>
      <c r="N72" s="102"/>
      <c r="O72" s="100"/>
      <c r="P72" s="101"/>
      <c r="Q72" s="102"/>
      <c r="R72" s="100"/>
      <c r="S72" s="101"/>
      <c r="T72" s="102"/>
      <c r="U72" s="100"/>
      <c r="V72" s="101"/>
      <c r="W72" s="101"/>
      <c r="X72" s="101"/>
      <c r="Y72" s="101"/>
      <c r="Z72" s="102"/>
      <c r="AA72" s="100"/>
      <c r="AB72" s="101"/>
      <c r="AC72" s="101"/>
      <c r="AD72" s="101"/>
      <c r="AE72" s="101"/>
      <c r="AF72" s="101"/>
      <c r="AG72" s="102"/>
      <c r="AH72" s="100"/>
      <c r="AI72" s="101"/>
      <c r="AJ72" s="101"/>
      <c r="AK72" s="102"/>
      <c r="AL72" s="100"/>
      <c r="AM72" s="101"/>
      <c r="AN72" s="101"/>
      <c r="AO72" s="102"/>
      <c r="AP72" s="100"/>
      <c r="AQ72" s="101"/>
      <c r="AR72" s="102"/>
      <c r="AS72" s="100"/>
      <c r="AT72" s="101"/>
      <c r="AU72" s="102"/>
      <c r="AV72" s="117"/>
      <c r="AW72" s="118"/>
      <c r="AX72" s="118"/>
      <c r="AY72" s="119"/>
      <c r="AZ72" s="117"/>
      <c r="BA72" s="118"/>
      <c r="BB72" s="118"/>
      <c r="BC72" s="119"/>
      <c r="BE72" s="24"/>
      <c r="BF72" s="25"/>
    </row>
    <row r="73" spans="2:61" ht="17.25" customHeight="1" x14ac:dyDescent="0.15">
      <c r="B73" s="18"/>
      <c r="C73" s="100"/>
      <c r="D73" s="101"/>
      <c r="E73" s="101"/>
      <c r="F73" s="102"/>
      <c r="G73" s="100"/>
      <c r="H73" s="101"/>
      <c r="I73" s="101"/>
      <c r="J73" s="102"/>
      <c r="K73" s="100"/>
      <c r="L73" s="101"/>
      <c r="M73" s="101"/>
      <c r="N73" s="102"/>
      <c r="O73" s="100"/>
      <c r="P73" s="101"/>
      <c r="Q73" s="102"/>
      <c r="R73" s="100"/>
      <c r="S73" s="101"/>
      <c r="T73" s="102"/>
      <c r="U73" s="100"/>
      <c r="V73" s="101"/>
      <c r="W73" s="101"/>
      <c r="X73" s="101"/>
      <c r="Y73" s="101"/>
      <c r="Z73" s="102"/>
      <c r="AA73" s="100"/>
      <c r="AB73" s="101"/>
      <c r="AC73" s="101"/>
      <c r="AD73" s="101"/>
      <c r="AE73" s="101"/>
      <c r="AF73" s="101"/>
      <c r="AG73" s="102"/>
      <c r="AH73" s="100"/>
      <c r="AI73" s="101"/>
      <c r="AJ73" s="101"/>
      <c r="AK73" s="102"/>
      <c r="AL73" s="100"/>
      <c r="AM73" s="101"/>
      <c r="AN73" s="101"/>
      <c r="AO73" s="102"/>
      <c r="AP73" s="100"/>
      <c r="AQ73" s="101"/>
      <c r="AR73" s="102"/>
      <c r="AS73" s="100"/>
      <c r="AT73" s="101"/>
      <c r="AU73" s="102"/>
      <c r="AV73" s="100" t="s">
        <v>39</v>
      </c>
      <c r="AW73" s="101"/>
      <c r="AX73" s="101"/>
      <c r="AY73" s="102"/>
      <c r="AZ73" s="117"/>
      <c r="BA73" s="118"/>
      <c r="BB73" s="118"/>
      <c r="BC73" s="119"/>
      <c r="BE73" s="24"/>
      <c r="BF73" s="25"/>
    </row>
    <row r="74" spans="2:61" ht="24.75" customHeight="1" x14ac:dyDescent="0.15">
      <c r="B74" s="18"/>
      <c r="C74" s="103"/>
      <c r="D74" s="104"/>
      <c r="E74" s="104"/>
      <c r="F74" s="105"/>
      <c r="G74" s="103"/>
      <c r="H74" s="104"/>
      <c r="I74" s="104"/>
      <c r="J74" s="105"/>
      <c r="K74" s="103"/>
      <c r="L74" s="104"/>
      <c r="M74" s="104"/>
      <c r="N74" s="105"/>
      <c r="O74" s="103"/>
      <c r="P74" s="104"/>
      <c r="Q74" s="105"/>
      <c r="R74" s="103"/>
      <c r="S74" s="104"/>
      <c r="T74" s="105"/>
      <c r="U74" s="103"/>
      <c r="V74" s="104"/>
      <c r="W74" s="104"/>
      <c r="X74" s="104"/>
      <c r="Y74" s="104"/>
      <c r="Z74" s="105"/>
      <c r="AA74" s="103"/>
      <c r="AB74" s="104"/>
      <c r="AC74" s="104"/>
      <c r="AD74" s="104"/>
      <c r="AE74" s="104"/>
      <c r="AF74" s="104"/>
      <c r="AG74" s="105"/>
      <c r="AH74" s="103"/>
      <c r="AI74" s="104"/>
      <c r="AJ74" s="104"/>
      <c r="AK74" s="105"/>
      <c r="AL74" s="103"/>
      <c r="AM74" s="104"/>
      <c r="AN74" s="104"/>
      <c r="AO74" s="105"/>
      <c r="AP74" s="103" t="s">
        <v>40</v>
      </c>
      <c r="AQ74" s="104"/>
      <c r="AR74" s="105"/>
      <c r="AS74" s="103" t="s">
        <v>41</v>
      </c>
      <c r="AT74" s="104"/>
      <c r="AU74" s="105"/>
      <c r="AV74" s="103"/>
      <c r="AW74" s="104"/>
      <c r="AX74" s="104"/>
      <c r="AY74" s="105"/>
      <c r="AZ74" s="120"/>
      <c r="BA74" s="121"/>
      <c r="BB74" s="121"/>
      <c r="BC74" s="122"/>
      <c r="BE74" s="24"/>
      <c r="BF74" s="25"/>
    </row>
    <row r="75" spans="2:61" ht="21" customHeight="1" x14ac:dyDescent="0.15">
      <c r="B75" s="18"/>
      <c r="C75" s="79"/>
      <c r="D75" s="80"/>
      <c r="E75" s="80"/>
      <c r="F75" s="81"/>
      <c r="G75" s="79"/>
      <c r="H75" s="80"/>
      <c r="I75" s="80"/>
      <c r="J75" s="81"/>
      <c r="K75" s="79"/>
      <c r="L75" s="80"/>
      <c r="M75" s="80"/>
      <c r="N75" s="81"/>
      <c r="O75" s="88"/>
      <c r="P75" s="89"/>
      <c r="Q75" s="90"/>
      <c r="R75" s="88"/>
      <c r="S75" s="89"/>
      <c r="T75" s="90"/>
      <c r="U75" s="88"/>
      <c r="V75" s="89"/>
      <c r="W75" s="89"/>
      <c r="X75" s="89"/>
      <c r="Y75" s="89"/>
      <c r="Z75" s="90"/>
      <c r="AA75" s="73"/>
      <c r="AB75" s="74"/>
      <c r="AC75" s="74"/>
      <c r="AD75" s="74"/>
      <c r="AE75" s="74"/>
      <c r="AF75" s="74"/>
      <c r="AG75" s="75"/>
      <c r="AH75" s="73"/>
      <c r="AI75" s="74"/>
      <c r="AJ75" s="74"/>
      <c r="AK75" s="75"/>
      <c r="AL75" s="73"/>
      <c r="AM75" s="74"/>
      <c r="AN75" s="74"/>
      <c r="AO75" s="75"/>
      <c r="AP75" s="73"/>
      <c r="AQ75" s="74"/>
      <c r="AR75" s="75"/>
      <c r="AS75" s="73"/>
      <c r="AT75" s="74"/>
      <c r="AU75" s="75"/>
      <c r="AV75" s="73"/>
      <c r="AW75" s="74"/>
      <c r="AX75" s="74"/>
      <c r="AY75" s="75"/>
      <c r="AZ75" s="73"/>
      <c r="BA75" s="74"/>
      <c r="BB75" s="74"/>
      <c r="BC75" s="75"/>
      <c r="BE75" s="24"/>
      <c r="BF75" s="25"/>
    </row>
    <row r="76" spans="2:61" ht="21" customHeight="1" x14ac:dyDescent="0.15">
      <c r="B76" s="18"/>
      <c r="C76" s="85"/>
      <c r="D76" s="86"/>
      <c r="E76" s="86"/>
      <c r="F76" s="87"/>
      <c r="G76" s="85"/>
      <c r="H76" s="86"/>
      <c r="I76" s="86"/>
      <c r="J76" s="87"/>
      <c r="K76" s="85"/>
      <c r="L76" s="86"/>
      <c r="M76" s="86"/>
      <c r="N76" s="87"/>
      <c r="O76" s="91"/>
      <c r="P76" s="92"/>
      <c r="Q76" s="93"/>
      <c r="R76" s="91"/>
      <c r="S76" s="92"/>
      <c r="T76" s="93"/>
      <c r="U76" s="91"/>
      <c r="V76" s="92"/>
      <c r="W76" s="92"/>
      <c r="X76" s="92"/>
      <c r="Y76" s="92"/>
      <c r="Z76" s="93"/>
      <c r="AA76" s="76"/>
      <c r="AB76" s="77"/>
      <c r="AC76" s="77"/>
      <c r="AD76" s="77"/>
      <c r="AE76" s="77"/>
      <c r="AF76" s="77"/>
      <c r="AG76" s="78"/>
      <c r="AH76" s="76"/>
      <c r="AI76" s="77"/>
      <c r="AJ76" s="77"/>
      <c r="AK76" s="78"/>
      <c r="AL76" s="76"/>
      <c r="AM76" s="77"/>
      <c r="AN76" s="77"/>
      <c r="AO76" s="78"/>
      <c r="AP76" s="76"/>
      <c r="AQ76" s="77"/>
      <c r="AR76" s="78"/>
      <c r="AS76" s="76"/>
      <c r="AT76" s="77"/>
      <c r="AU76" s="78"/>
      <c r="AV76" s="76"/>
      <c r="AW76" s="77"/>
      <c r="AX76" s="77"/>
      <c r="AY76" s="78"/>
      <c r="AZ76" s="76"/>
      <c r="BA76" s="77"/>
      <c r="BB76" s="77"/>
      <c r="BC76" s="78"/>
      <c r="BE76" s="24"/>
      <c r="BF76" s="25"/>
    </row>
    <row r="77" spans="2:61" ht="21" customHeight="1" x14ac:dyDescent="0.15">
      <c r="B77" s="18"/>
      <c r="C77" s="79"/>
      <c r="D77" s="80"/>
      <c r="E77" s="80"/>
      <c r="F77" s="81"/>
      <c r="G77" s="79"/>
      <c r="H77" s="80"/>
      <c r="I77" s="80"/>
      <c r="J77" s="81"/>
      <c r="K77" s="79"/>
      <c r="L77" s="80"/>
      <c r="M77" s="80"/>
      <c r="N77" s="81"/>
      <c r="O77" s="88"/>
      <c r="P77" s="89"/>
      <c r="Q77" s="90"/>
      <c r="R77" s="88"/>
      <c r="S77" s="89"/>
      <c r="T77" s="90"/>
      <c r="U77" s="88"/>
      <c r="V77" s="89"/>
      <c r="W77" s="89"/>
      <c r="X77" s="89"/>
      <c r="Y77" s="89"/>
      <c r="Z77" s="90"/>
      <c r="AA77" s="73"/>
      <c r="AB77" s="74"/>
      <c r="AC77" s="74"/>
      <c r="AD77" s="74"/>
      <c r="AE77" s="74"/>
      <c r="AF77" s="74"/>
      <c r="AG77" s="75"/>
      <c r="AH77" s="73"/>
      <c r="AI77" s="74"/>
      <c r="AJ77" s="74"/>
      <c r="AK77" s="75"/>
      <c r="AL77" s="73"/>
      <c r="AM77" s="74"/>
      <c r="AN77" s="74"/>
      <c r="AO77" s="75"/>
      <c r="AP77" s="73"/>
      <c r="AQ77" s="74"/>
      <c r="AR77" s="75"/>
      <c r="AS77" s="73"/>
      <c r="AT77" s="74"/>
      <c r="AU77" s="75"/>
      <c r="AV77" s="73"/>
      <c r="AW77" s="74"/>
      <c r="AX77" s="74"/>
      <c r="AY77" s="75"/>
      <c r="AZ77" s="73"/>
      <c r="BA77" s="74"/>
      <c r="BB77" s="74"/>
      <c r="BC77" s="75"/>
      <c r="BE77" s="24"/>
      <c r="BF77" s="25"/>
    </row>
    <row r="78" spans="2:61" ht="21" customHeight="1" thickBot="1" x14ac:dyDescent="0.2">
      <c r="B78" s="18"/>
      <c r="C78" s="82"/>
      <c r="D78" s="83"/>
      <c r="E78" s="83"/>
      <c r="F78" s="84"/>
      <c r="G78" s="85"/>
      <c r="H78" s="86"/>
      <c r="I78" s="86"/>
      <c r="J78" s="87"/>
      <c r="K78" s="85"/>
      <c r="L78" s="86"/>
      <c r="M78" s="86"/>
      <c r="N78" s="87"/>
      <c r="O78" s="91"/>
      <c r="P78" s="92"/>
      <c r="Q78" s="93"/>
      <c r="R78" s="91"/>
      <c r="S78" s="92"/>
      <c r="T78" s="93"/>
      <c r="U78" s="94"/>
      <c r="V78" s="95"/>
      <c r="W78" s="95"/>
      <c r="X78" s="95"/>
      <c r="Y78" s="95"/>
      <c r="Z78" s="96"/>
      <c r="AA78" s="76"/>
      <c r="AB78" s="77"/>
      <c r="AC78" s="77"/>
      <c r="AD78" s="77"/>
      <c r="AE78" s="77"/>
      <c r="AF78" s="77"/>
      <c r="AG78" s="78"/>
      <c r="AH78" s="76"/>
      <c r="AI78" s="77"/>
      <c r="AJ78" s="77"/>
      <c r="AK78" s="78"/>
      <c r="AL78" s="76"/>
      <c r="AM78" s="77"/>
      <c r="AN78" s="77"/>
      <c r="AO78" s="78"/>
      <c r="AP78" s="76"/>
      <c r="AQ78" s="77"/>
      <c r="AR78" s="78"/>
      <c r="AS78" s="76"/>
      <c r="AT78" s="77"/>
      <c r="AU78" s="78"/>
      <c r="AV78" s="76"/>
      <c r="AW78" s="77"/>
      <c r="AX78" s="77"/>
      <c r="AY78" s="78"/>
      <c r="AZ78" s="76"/>
      <c r="BA78" s="77"/>
      <c r="BB78" s="77"/>
      <c r="BC78" s="78"/>
      <c r="BE78" s="24"/>
      <c r="BF78" s="25"/>
    </row>
    <row r="79" spans="2:61" ht="24.75" customHeight="1" thickTop="1" x14ac:dyDescent="0.15">
      <c r="B79" s="18"/>
      <c r="C79" s="32"/>
      <c r="D79" s="33"/>
      <c r="E79" s="33"/>
      <c r="F79" s="34"/>
      <c r="G79" s="32"/>
      <c r="H79" s="56"/>
      <c r="I79" s="56"/>
      <c r="J79" s="56"/>
      <c r="K79" s="55"/>
      <c r="L79" s="56"/>
      <c r="M79" s="56"/>
      <c r="N79" s="56"/>
      <c r="O79" s="55"/>
      <c r="P79" s="56"/>
      <c r="Q79" s="57"/>
      <c r="R79" s="55"/>
      <c r="S79" s="56"/>
      <c r="T79" s="57"/>
      <c r="U79" s="67"/>
      <c r="V79" s="68"/>
      <c r="W79" s="68"/>
      <c r="X79" s="68"/>
      <c r="Y79" s="68"/>
      <c r="Z79" s="69"/>
      <c r="AA79" s="55"/>
      <c r="AB79" s="56"/>
      <c r="AC79" s="56"/>
      <c r="AD79" s="56"/>
      <c r="AE79" s="56"/>
      <c r="AF79" s="56"/>
      <c r="AG79" s="57"/>
      <c r="AH79" s="55"/>
      <c r="AI79" s="56"/>
      <c r="AJ79" s="56"/>
      <c r="AK79" s="57"/>
      <c r="AL79" s="70"/>
      <c r="AM79" s="71"/>
      <c r="AN79" s="71"/>
      <c r="AO79" s="72"/>
      <c r="AP79" s="70"/>
      <c r="AQ79" s="71"/>
      <c r="AR79" s="72"/>
      <c r="AS79" s="70"/>
      <c r="AT79" s="71"/>
      <c r="AU79" s="72"/>
      <c r="AV79" s="70"/>
      <c r="AW79" s="71"/>
      <c r="AX79" s="71"/>
      <c r="AY79" s="72"/>
      <c r="AZ79" s="55"/>
      <c r="BA79" s="56"/>
      <c r="BB79" s="56"/>
      <c r="BC79" s="57"/>
      <c r="BE79" s="24"/>
      <c r="BF79" s="25"/>
    </row>
    <row r="80" spans="2:61" ht="14.25" customHeight="1" x14ac:dyDescent="0.15">
      <c r="B80" s="18"/>
      <c r="C80" s="44"/>
      <c r="D80" s="44"/>
      <c r="E80" s="44"/>
      <c r="F80" s="44"/>
      <c r="G80" s="44"/>
      <c r="H80" s="63"/>
      <c r="I80" s="63"/>
      <c r="J80" s="63"/>
      <c r="K80" s="63"/>
      <c r="L80" s="63"/>
      <c r="M80" s="63"/>
      <c r="N80" s="63"/>
      <c r="O80" s="63"/>
      <c r="P80" s="63"/>
      <c r="Q80" s="63"/>
      <c r="R80" s="63"/>
      <c r="S80" s="63"/>
      <c r="T80" s="63"/>
      <c r="U80" s="45"/>
      <c r="V80" s="45"/>
      <c r="W80" s="45"/>
      <c r="X80" s="45"/>
      <c r="Y80" s="45"/>
      <c r="Z80" s="45"/>
      <c r="AA80" s="63"/>
      <c r="AB80" s="63"/>
      <c r="AC80" s="63"/>
      <c r="AD80" s="63"/>
      <c r="AE80" s="63"/>
      <c r="AF80" s="63"/>
      <c r="AG80" s="63"/>
      <c r="AH80" s="63"/>
      <c r="AI80" s="63"/>
      <c r="AJ80" s="63"/>
      <c r="AK80" s="63"/>
      <c r="AL80" s="63"/>
      <c r="AM80" s="63"/>
      <c r="AN80" s="63"/>
      <c r="AO80" s="63"/>
      <c r="AP80" s="63"/>
      <c r="AQ80" s="63"/>
      <c r="AR80" s="63"/>
      <c r="AS80" s="63"/>
      <c r="AT80" s="63"/>
      <c r="AU80" s="63"/>
      <c r="AV80" s="63"/>
      <c r="AW80" s="63"/>
      <c r="AX80" s="63"/>
      <c r="AY80" s="63"/>
      <c r="AZ80" s="63"/>
      <c r="BA80" s="63"/>
      <c r="BB80" s="63"/>
      <c r="BC80" s="63"/>
      <c r="BD80" s="45"/>
      <c r="BE80" s="24"/>
      <c r="BF80" s="25"/>
    </row>
    <row r="81" spans="2:64" x14ac:dyDescent="0.15">
      <c r="B81" s="18"/>
      <c r="C81" s="46" t="s">
        <v>124</v>
      </c>
      <c r="D81" s="47"/>
      <c r="E81" s="47"/>
      <c r="F81" s="47"/>
      <c r="G81" s="47"/>
      <c r="H81" s="47"/>
      <c r="I81" s="47"/>
      <c r="J81" s="47"/>
      <c r="K81" s="47"/>
      <c r="L81" s="47"/>
      <c r="M81" s="47"/>
      <c r="N81" s="47"/>
      <c r="O81" s="47"/>
      <c r="P81" s="47"/>
      <c r="Q81" s="47"/>
      <c r="R81" s="47"/>
      <c r="S81" s="47"/>
      <c r="T81" s="47"/>
      <c r="U81" s="47"/>
      <c r="V81" s="47"/>
      <c r="W81" s="47"/>
      <c r="X81" s="47"/>
      <c r="Y81" s="47"/>
      <c r="Z81" s="47"/>
      <c r="AA81" s="47"/>
      <c r="AB81" s="47"/>
      <c r="AC81" s="47"/>
      <c r="AD81" s="47"/>
      <c r="AE81" s="47"/>
      <c r="AF81" s="47"/>
      <c r="AG81" s="47"/>
      <c r="AH81" s="47"/>
      <c r="AI81" s="47"/>
      <c r="AJ81" s="47"/>
      <c r="AK81" s="47"/>
      <c r="AL81" s="47"/>
      <c r="AM81" s="47"/>
      <c r="AN81" s="47"/>
      <c r="AO81" s="47"/>
      <c r="AP81" s="47"/>
      <c r="AQ81" s="47"/>
      <c r="AR81" s="48"/>
      <c r="AS81" s="48"/>
      <c r="AT81" s="48"/>
      <c r="AU81" s="48"/>
      <c r="AV81" s="48"/>
      <c r="AW81" s="48"/>
      <c r="AX81" s="48"/>
      <c r="AY81" s="48"/>
      <c r="AZ81" s="48"/>
      <c r="BA81" s="45"/>
      <c r="BB81" s="45"/>
      <c r="BC81" s="45"/>
      <c r="BD81" s="45"/>
      <c r="BE81" s="21"/>
      <c r="BF81" s="22"/>
      <c r="BG81" s="20"/>
    </row>
    <row r="82" spans="2:64" x14ac:dyDescent="0.15">
      <c r="B82" s="18"/>
      <c r="D82" s="35"/>
      <c r="E82" s="35"/>
      <c r="F82" s="35"/>
      <c r="G82" s="35"/>
      <c r="H82" s="35"/>
      <c r="I82" s="35"/>
      <c r="J82" s="35"/>
      <c r="K82" s="35"/>
      <c r="L82" s="35"/>
      <c r="M82" s="35"/>
      <c r="N82" s="35"/>
      <c r="O82" s="35"/>
      <c r="P82" s="35"/>
      <c r="Q82" s="35"/>
      <c r="R82" s="35"/>
      <c r="S82" s="35"/>
      <c r="T82" s="35"/>
      <c r="U82" s="35"/>
      <c r="V82" s="35"/>
      <c r="W82" s="35"/>
      <c r="X82" s="35"/>
      <c r="Y82" s="35"/>
      <c r="Z82" s="35"/>
      <c r="AA82" s="35"/>
      <c r="AB82" s="35"/>
      <c r="AC82" s="35"/>
      <c r="AD82" s="35"/>
      <c r="AE82" s="35"/>
      <c r="AF82" s="35"/>
      <c r="AG82" s="35"/>
      <c r="AH82" s="35"/>
      <c r="AI82" s="35"/>
      <c r="AJ82" s="35"/>
      <c r="AK82" s="35"/>
      <c r="AL82" s="35"/>
      <c r="AM82" s="35"/>
      <c r="AN82" s="35"/>
      <c r="AO82" s="35"/>
      <c r="AP82" s="35"/>
      <c r="AQ82" s="35"/>
      <c r="AR82" s="35"/>
      <c r="AS82" s="35"/>
      <c r="AT82" s="35"/>
      <c r="AU82" s="35"/>
      <c r="AV82" s="35"/>
      <c r="AW82" s="35"/>
      <c r="AX82" s="35"/>
      <c r="AY82" s="35"/>
      <c r="AZ82" s="35"/>
      <c r="BA82" s="248" t="s">
        <v>5</v>
      </c>
      <c r="BB82" s="248"/>
      <c r="BC82" s="248"/>
      <c r="BD82" s="19"/>
      <c r="BE82" s="36"/>
      <c r="BF82" s="25"/>
    </row>
    <row r="83" spans="2:64" ht="24.75" customHeight="1" x14ac:dyDescent="0.15">
      <c r="B83" s="18"/>
      <c r="C83" s="97" t="s">
        <v>29</v>
      </c>
      <c r="D83" s="98"/>
      <c r="E83" s="98"/>
      <c r="F83" s="99"/>
      <c r="G83" s="98" t="s">
        <v>30</v>
      </c>
      <c r="H83" s="98"/>
      <c r="I83" s="98"/>
      <c r="J83" s="99"/>
      <c r="K83" s="98" t="s">
        <v>31</v>
      </c>
      <c r="L83" s="98"/>
      <c r="M83" s="98"/>
      <c r="N83" s="99"/>
      <c r="O83" s="98" t="s">
        <v>8</v>
      </c>
      <c r="P83" s="98"/>
      <c r="Q83" s="99"/>
      <c r="R83" s="98" t="s">
        <v>32</v>
      </c>
      <c r="S83" s="98"/>
      <c r="T83" s="99"/>
      <c r="U83" s="221" t="s">
        <v>33</v>
      </c>
      <c r="V83" s="222"/>
      <c r="W83" s="222"/>
      <c r="X83" s="222"/>
      <c r="Y83" s="222"/>
      <c r="Z83" s="223"/>
      <c r="AA83" s="221" t="s">
        <v>34</v>
      </c>
      <c r="AB83" s="222"/>
      <c r="AC83" s="222"/>
      <c r="AD83" s="222"/>
      <c r="AE83" s="222"/>
      <c r="AF83" s="222"/>
      <c r="AG83" s="223"/>
      <c r="AH83" s="98" t="s">
        <v>35</v>
      </c>
      <c r="AI83" s="98"/>
      <c r="AJ83" s="98"/>
      <c r="AK83" s="98"/>
      <c r="AL83" s="97" t="s">
        <v>36</v>
      </c>
      <c r="AM83" s="98"/>
      <c r="AN83" s="98"/>
      <c r="AO83" s="99"/>
      <c r="AP83" s="230" t="s">
        <v>42</v>
      </c>
      <c r="AQ83" s="231"/>
      <c r="AR83" s="232"/>
      <c r="AS83" s="230" t="s">
        <v>11</v>
      </c>
      <c r="AT83" s="231"/>
      <c r="AU83" s="236"/>
      <c r="AV83" s="238" t="s">
        <v>38</v>
      </c>
      <c r="AW83" s="239"/>
      <c r="AX83" s="239"/>
      <c r="AY83" s="240"/>
      <c r="AZ83" s="115" t="s">
        <v>16</v>
      </c>
      <c r="BA83" s="115"/>
      <c r="BB83" s="115"/>
      <c r="BC83" s="116"/>
      <c r="BE83" s="24"/>
      <c r="BF83" s="25"/>
    </row>
    <row r="84" spans="2:64" ht="24.75" customHeight="1" x14ac:dyDescent="0.15">
      <c r="B84" s="18"/>
      <c r="C84" s="100"/>
      <c r="D84" s="101"/>
      <c r="E84" s="101"/>
      <c r="F84" s="102"/>
      <c r="G84" s="101"/>
      <c r="H84" s="101"/>
      <c r="I84" s="101"/>
      <c r="J84" s="102"/>
      <c r="K84" s="101"/>
      <c r="L84" s="101"/>
      <c r="M84" s="101"/>
      <c r="N84" s="102"/>
      <c r="O84" s="101"/>
      <c r="P84" s="101"/>
      <c r="Q84" s="102"/>
      <c r="R84" s="101"/>
      <c r="S84" s="101"/>
      <c r="T84" s="102"/>
      <c r="U84" s="224"/>
      <c r="V84" s="225"/>
      <c r="W84" s="225"/>
      <c r="X84" s="225"/>
      <c r="Y84" s="225"/>
      <c r="Z84" s="226"/>
      <c r="AA84" s="224"/>
      <c r="AB84" s="225"/>
      <c r="AC84" s="225"/>
      <c r="AD84" s="225"/>
      <c r="AE84" s="225"/>
      <c r="AF84" s="225"/>
      <c r="AG84" s="226"/>
      <c r="AH84" s="101"/>
      <c r="AI84" s="101"/>
      <c r="AJ84" s="101"/>
      <c r="AK84" s="101"/>
      <c r="AL84" s="100"/>
      <c r="AM84" s="101"/>
      <c r="AN84" s="101"/>
      <c r="AO84" s="102"/>
      <c r="AP84" s="233"/>
      <c r="AQ84" s="234"/>
      <c r="AR84" s="235"/>
      <c r="AS84" s="233"/>
      <c r="AT84" s="234"/>
      <c r="AU84" s="237"/>
      <c r="AV84" s="241"/>
      <c r="AW84" s="242"/>
      <c r="AX84" s="242"/>
      <c r="AY84" s="243"/>
      <c r="AZ84" s="118"/>
      <c r="BA84" s="118"/>
      <c r="BB84" s="118"/>
      <c r="BC84" s="119"/>
      <c r="BE84" s="24"/>
      <c r="BF84" s="25"/>
    </row>
    <row r="85" spans="2:64" ht="24.75" customHeight="1" x14ac:dyDescent="0.15">
      <c r="B85" s="18"/>
      <c r="C85" s="100"/>
      <c r="D85" s="101"/>
      <c r="E85" s="101"/>
      <c r="F85" s="102"/>
      <c r="G85" s="101"/>
      <c r="H85" s="101"/>
      <c r="I85" s="101"/>
      <c r="J85" s="102"/>
      <c r="K85" s="101"/>
      <c r="L85" s="101"/>
      <c r="M85" s="101"/>
      <c r="N85" s="102"/>
      <c r="O85" s="101"/>
      <c r="P85" s="101"/>
      <c r="Q85" s="102"/>
      <c r="R85" s="101"/>
      <c r="S85" s="101"/>
      <c r="T85" s="102"/>
      <c r="U85" s="224"/>
      <c r="V85" s="225"/>
      <c r="W85" s="225"/>
      <c r="X85" s="225"/>
      <c r="Y85" s="225"/>
      <c r="Z85" s="226"/>
      <c r="AA85" s="224"/>
      <c r="AB85" s="225"/>
      <c r="AC85" s="225"/>
      <c r="AD85" s="225"/>
      <c r="AE85" s="225"/>
      <c r="AF85" s="225"/>
      <c r="AG85" s="226"/>
      <c r="AH85" s="101"/>
      <c r="AI85" s="101"/>
      <c r="AJ85" s="101"/>
      <c r="AK85" s="101"/>
      <c r="AL85" s="100"/>
      <c r="AM85" s="101"/>
      <c r="AN85" s="101"/>
      <c r="AO85" s="102"/>
      <c r="AP85" s="233"/>
      <c r="AQ85" s="234"/>
      <c r="AR85" s="235"/>
      <c r="AS85" s="233"/>
      <c r="AT85" s="234"/>
      <c r="AU85" s="237"/>
      <c r="AV85" s="241"/>
      <c r="AW85" s="242"/>
      <c r="AX85" s="242"/>
      <c r="AY85" s="243"/>
      <c r="AZ85" s="118"/>
      <c r="BA85" s="118"/>
      <c r="BB85" s="118"/>
      <c r="BC85" s="119"/>
      <c r="BE85" s="24"/>
      <c r="BF85" s="25"/>
    </row>
    <row r="86" spans="2:64" ht="17.25" customHeight="1" x14ac:dyDescent="0.15">
      <c r="B86" s="18"/>
      <c r="C86" s="100"/>
      <c r="D86" s="101"/>
      <c r="E86" s="101"/>
      <c r="F86" s="102"/>
      <c r="G86" s="101"/>
      <c r="H86" s="101"/>
      <c r="I86" s="101"/>
      <c r="J86" s="102"/>
      <c r="K86" s="101"/>
      <c r="L86" s="101"/>
      <c r="M86" s="101"/>
      <c r="N86" s="102"/>
      <c r="O86" s="101"/>
      <c r="P86" s="101"/>
      <c r="Q86" s="102"/>
      <c r="R86" s="101"/>
      <c r="S86" s="101"/>
      <c r="T86" s="102"/>
      <c r="U86" s="224"/>
      <c r="V86" s="225"/>
      <c r="W86" s="225"/>
      <c r="X86" s="225"/>
      <c r="Y86" s="225"/>
      <c r="Z86" s="226"/>
      <c r="AA86" s="224"/>
      <c r="AB86" s="225"/>
      <c r="AC86" s="225"/>
      <c r="AD86" s="225"/>
      <c r="AE86" s="225"/>
      <c r="AF86" s="225"/>
      <c r="AG86" s="226"/>
      <c r="AH86" s="101"/>
      <c r="AI86" s="101"/>
      <c r="AJ86" s="101"/>
      <c r="AK86" s="101"/>
      <c r="AL86" s="100"/>
      <c r="AM86" s="101"/>
      <c r="AN86" s="101"/>
      <c r="AO86" s="102"/>
      <c r="AP86" s="233"/>
      <c r="AQ86" s="234"/>
      <c r="AR86" s="235"/>
      <c r="AS86" s="233"/>
      <c r="AT86" s="234"/>
      <c r="AU86" s="237"/>
      <c r="AV86" s="244" t="s">
        <v>43</v>
      </c>
      <c r="AW86" s="234"/>
      <c r="AX86" s="234"/>
      <c r="AY86" s="235"/>
      <c r="AZ86" s="118"/>
      <c r="BA86" s="118"/>
      <c r="BB86" s="118"/>
      <c r="BC86" s="119"/>
      <c r="BE86" s="24"/>
      <c r="BF86" s="25"/>
    </row>
    <row r="87" spans="2:64" ht="24.75" customHeight="1" x14ac:dyDescent="0.15">
      <c r="B87" s="18"/>
      <c r="C87" s="100"/>
      <c r="D87" s="101"/>
      <c r="E87" s="101"/>
      <c r="F87" s="102"/>
      <c r="G87" s="101"/>
      <c r="H87" s="101"/>
      <c r="I87" s="101"/>
      <c r="J87" s="102"/>
      <c r="K87" s="101"/>
      <c r="L87" s="101"/>
      <c r="M87" s="101"/>
      <c r="N87" s="102"/>
      <c r="O87" s="101"/>
      <c r="P87" s="101"/>
      <c r="Q87" s="102"/>
      <c r="R87" s="101"/>
      <c r="S87" s="101"/>
      <c r="T87" s="102"/>
      <c r="U87" s="227"/>
      <c r="V87" s="228"/>
      <c r="W87" s="228"/>
      <c r="X87" s="228"/>
      <c r="Y87" s="228"/>
      <c r="Z87" s="229"/>
      <c r="AA87" s="227"/>
      <c r="AB87" s="228"/>
      <c r="AC87" s="228"/>
      <c r="AD87" s="228"/>
      <c r="AE87" s="228"/>
      <c r="AF87" s="228"/>
      <c r="AG87" s="229"/>
      <c r="AH87" s="101"/>
      <c r="AI87" s="101"/>
      <c r="AJ87" s="101"/>
      <c r="AK87" s="101"/>
      <c r="AL87" s="100"/>
      <c r="AM87" s="101"/>
      <c r="AN87" s="101"/>
      <c r="AO87" s="102"/>
      <c r="AP87" s="233" t="s">
        <v>40</v>
      </c>
      <c r="AQ87" s="234"/>
      <c r="AR87" s="235"/>
      <c r="AS87" s="245" t="s">
        <v>41</v>
      </c>
      <c r="AT87" s="246"/>
      <c r="AU87" s="247"/>
      <c r="AV87" s="245"/>
      <c r="AW87" s="246"/>
      <c r="AX87" s="246"/>
      <c r="AY87" s="247"/>
      <c r="AZ87" s="121"/>
      <c r="BA87" s="121"/>
      <c r="BB87" s="121"/>
      <c r="BC87" s="122"/>
      <c r="BE87" s="24"/>
      <c r="BF87" s="25"/>
    </row>
    <row r="88" spans="2:64" ht="21" customHeight="1" x14ac:dyDescent="0.15">
      <c r="B88" s="18"/>
      <c r="C88" s="73"/>
      <c r="D88" s="74"/>
      <c r="E88" s="74"/>
      <c r="F88" s="75"/>
      <c r="G88" s="74"/>
      <c r="H88" s="74"/>
      <c r="I88" s="74"/>
      <c r="J88" s="75"/>
      <c r="K88" s="74"/>
      <c r="L88" s="74"/>
      <c r="M88" s="74"/>
      <c r="N88" s="75"/>
      <c r="O88" s="206"/>
      <c r="P88" s="206"/>
      <c r="Q88" s="207"/>
      <c r="R88" s="206"/>
      <c r="S88" s="206"/>
      <c r="T88" s="207"/>
      <c r="U88" s="210"/>
      <c r="V88" s="211"/>
      <c r="W88" s="211"/>
      <c r="X88" s="211"/>
      <c r="Y88" s="211"/>
      <c r="Z88" s="212"/>
      <c r="AA88" s="193"/>
      <c r="AB88" s="194"/>
      <c r="AC88" s="194"/>
      <c r="AD88" s="194"/>
      <c r="AE88" s="194"/>
      <c r="AF88" s="194"/>
      <c r="AG88" s="195"/>
      <c r="AH88" s="74"/>
      <c r="AI88" s="74"/>
      <c r="AJ88" s="74"/>
      <c r="AK88" s="74"/>
      <c r="AL88" s="73"/>
      <c r="AM88" s="74"/>
      <c r="AN88" s="74"/>
      <c r="AO88" s="75"/>
      <c r="AP88" s="193"/>
      <c r="AQ88" s="194"/>
      <c r="AR88" s="195"/>
      <c r="AS88" s="199"/>
      <c r="AT88" s="151"/>
      <c r="AU88" s="200"/>
      <c r="AV88" s="150"/>
      <c r="AW88" s="151"/>
      <c r="AX88" s="151"/>
      <c r="AY88" s="152"/>
      <c r="AZ88" s="156"/>
      <c r="BA88" s="156"/>
      <c r="BB88" s="156"/>
      <c r="BC88" s="157"/>
      <c r="BE88" s="24"/>
      <c r="BF88" s="25"/>
    </row>
    <row r="89" spans="2:64" ht="21" customHeight="1" x14ac:dyDescent="0.15">
      <c r="B89" s="18"/>
      <c r="C89" s="76"/>
      <c r="D89" s="77"/>
      <c r="E89" s="77"/>
      <c r="F89" s="78"/>
      <c r="G89" s="77"/>
      <c r="H89" s="77"/>
      <c r="I89" s="77"/>
      <c r="J89" s="78"/>
      <c r="K89" s="77"/>
      <c r="L89" s="77"/>
      <c r="M89" s="77"/>
      <c r="N89" s="78"/>
      <c r="O89" s="208"/>
      <c r="P89" s="208"/>
      <c r="Q89" s="209"/>
      <c r="R89" s="208"/>
      <c r="S89" s="208"/>
      <c r="T89" s="209"/>
      <c r="U89" s="213"/>
      <c r="V89" s="214"/>
      <c r="W89" s="214"/>
      <c r="X89" s="214"/>
      <c r="Y89" s="214"/>
      <c r="Z89" s="215"/>
      <c r="AA89" s="196"/>
      <c r="AB89" s="197"/>
      <c r="AC89" s="197"/>
      <c r="AD89" s="197"/>
      <c r="AE89" s="197"/>
      <c r="AF89" s="197"/>
      <c r="AG89" s="198"/>
      <c r="AH89" s="77"/>
      <c r="AI89" s="77"/>
      <c r="AJ89" s="77"/>
      <c r="AK89" s="77"/>
      <c r="AL89" s="76"/>
      <c r="AM89" s="77"/>
      <c r="AN89" s="77"/>
      <c r="AO89" s="78"/>
      <c r="AP89" s="196"/>
      <c r="AQ89" s="197"/>
      <c r="AR89" s="198"/>
      <c r="AS89" s="201"/>
      <c r="AT89" s="202"/>
      <c r="AU89" s="203"/>
      <c r="AV89" s="204"/>
      <c r="AW89" s="202"/>
      <c r="AX89" s="202"/>
      <c r="AY89" s="205"/>
      <c r="AZ89" s="77"/>
      <c r="BA89" s="77"/>
      <c r="BB89" s="77"/>
      <c r="BC89" s="78"/>
      <c r="BE89" s="24"/>
      <c r="BF89" s="25"/>
    </row>
    <row r="90" spans="2:64" ht="21" customHeight="1" x14ac:dyDescent="0.15">
      <c r="B90" s="39"/>
      <c r="C90" s="73"/>
      <c r="D90" s="74"/>
      <c r="E90" s="74"/>
      <c r="F90" s="75"/>
      <c r="G90" s="156"/>
      <c r="H90" s="156"/>
      <c r="I90" s="156"/>
      <c r="J90" s="157"/>
      <c r="K90" s="156"/>
      <c r="L90" s="156"/>
      <c r="M90" s="156"/>
      <c r="N90" s="157"/>
      <c r="O90" s="178"/>
      <c r="P90" s="178"/>
      <c r="Q90" s="179"/>
      <c r="R90" s="178"/>
      <c r="S90" s="178"/>
      <c r="T90" s="179"/>
      <c r="U90" s="180"/>
      <c r="V90" s="181"/>
      <c r="W90" s="181"/>
      <c r="X90" s="181"/>
      <c r="Y90" s="181"/>
      <c r="Z90" s="182"/>
      <c r="AA90" s="186"/>
      <c r="AB90" s="187"/>
      <c r="AC90" s="187"/>
      <c r="AD90" s="187"/>
      <c r="AE90" s="187"/>
      <c r="AF90" s="187"/>
      <c r="AG90" s="188"/>
      <c r="AH90" s="73"/>
      <c r="AI90" s="74"/>
      <c r="AJ90" s="74"/>
      <c r="AK90" s="75"/>
      <c r="AL90" s="192"/>
      <c r="AM90" s="156"/>
      <c r="AN90" s="156"/>
      <c r="AO90" s="157"/>
      <c r="AP90" s="186"/>
      <c r="AQ90" s="187"/>
      <c r="AR90" s="188"/>
      <c r="AS90" s="216"/>
      <c r="AT90" s="217"/>
      <c r="AU90" s="218"/>
      <c r="AV90" s="150"/>
      <c r="AW90" s="151"/>
      <c r="AX90" s="151"/>
      <c r="AY90" s="152"/>
      <c r="AZ90" s="156"/>
      <c r="BA90" s="156"/>
      <c r="BB90" s="156"/>
      <c r="BC90" s="157"/>
      <c r="BE90" s="24"/>
      <c r="BF90" s="25"/>
    </row>
    <row r="91" spans="2:64" ht="21" customHeight="1" thickBot="1" x14ac:dyDescent="0.2">
      <c r="B91" s="39"/>
      <c r="C91" s="175"/>
      <c r="D91" s="176"/>
      <c r="E91" s="176"/>
      <c r="F91" s="177"/>
      <c r="G91" s="156"/>
      <c r="H91" s="156"/>
      <c r="I91" s="156"/>
      <c r="J91" s="157"/>
      <c r="K91" s="156"/>
      <c r="L91" s="156"/>
      <c r="M91" s="156"/>
      <c r="N91" s="157"/>
      <c r="O91" s="178"/>
      <c r="P91" s="178"/>
      <c r="Q91" s="179"/>
      <c r="R91" s="178"/>
      <c r="S91" s="178"/>
      <c r="T91" s="179"/>
      <c r="U91" s="183"/>
      <c r="V91" s="184"/>
      <c r="W91" s="184"/>
      <c r="X91" s="184"/>
      <c r="Y91" s="184"/>
      <c r="Z91" s="185"/>
      <c r="AA91" s="189"/>
      <c r="AB91" s="190"/>
      <c r="AC91" s="190"/>
      <c r="AD91" s="190"/>
      <c r="AE91" s="190"/>
      <c r="AF91" s="190"/>
      <c r="AG91" s="191"/>
      <c r="AH91" s="175"/>
      <c r="AI91" s="176"/>
      <c r="AJ91" s="176"/>
      <c r="AK91" s="177"/>
      <c r="AL91" s="192"/>
      <c r="AM91" s="156"/>
      <c r="AN91" s="156"/>
      <c r="AO91" s="157"/>
      <c r="AP91" s="189"/>
      <c r="AQ91" s="190"/>
      <c r="AR91" s="191"/>
      <c r="AS91" s="219"/>
      <c r="AT91" s="154"/>
      <c r="AU91" s="220"/>
      <c r="AV91" s="153"/>
      <c r="AW91" s="154"/>
      <c r="AX91" s="154"/>
      <c r="AY91" s="155"/>
      <c r="AZ91" s="156"/>
      <c r="BA91" s="156"/>
      <c r="BB91" s="156"/>
      <c r="BC91" s="157"/>
      <c r="BE91" s="24"/>
      <c r="BF91" s="25"/>
    </row>
    <row r="92" spans="2:64" ht="24.75" customHeight="1" thickTop="1" x14ac:dyDescent="0.15">
      <c r="B92" s="39"/>
      <c r="C92" s="38"/>
      <c r="D92" s="38"/>
      <c r="E92" s="38"/>
      <c r="F92" s="40"/>
      <c r="G92" s="33"/>
      <c r="H92" s="56"/>
      <c r="I92" s="56"/>
      <c r="J92" s="57"/>
      <c r="K92" s="56"/>
      <c r="L92" s="56"/>
      <c r="M92" s="56"/>
      <c r="N92" s="57"/>
      <c r="O92" s="56"/>
      <c r="P92" s="56"/>
      <c r="Q92" s="57"/>
      <c r="R92" s="56"/>
      <c r="S92" s="56"/>
      <c r="T92" s="57"/>
      <c r="U92" s="158"/>
      <c r="V92" s="159"/>
      <c r="W92" s="159"/>
      <c r="X92" s="159"/>
      <c r="Y92" s="159"/>
      <c r="Z92" s="160"/>
      <c r="AA92" s="161"/>
      <c r="AB92" s="161"/>
      <c r="AC92" s="161"/>
      <c r="AD92" s="161"/>
      <c r="AE92" s="161"/>
      <c r="AF92" s="161"/>
      <c r="AG92" s="162"/>
      <c r="AH92" s="59"/>
      <c r="AI92" s="59"/>
      <c r="AJ92" s="59"/>
      <c r="AK92" s="59"/>
      <c r="AL92" s="163"/>
      <c r="AM92" s="161"/>
      <c r="AN92" s="161"/>
      <c r="AO92" s="162"/>
      <c r="AP92" s="164"/>
      <c r="AQ92" s="165"/>
      <c r="AR92" s="166"/>
      <c r="AS92" s="164"/>
      <c r="AT92" s="165"/>
      <c r="AU92" s="167"/>
      <c r="AV92" s="168"/>
      <c r="AW92" s="165"/>
      <c r="AX92" s="165"/>
      <c r="AY92" s="166"/>
      <c r="AZ92" s="56"/>
      <c r="BA92" s="56"/>
      <c r="BB92" s="56"/>
      <c r="BC92" s="57"/>
      <c r="BE92" s="24"/>
      <c r="BF92" s="25"/>
    </row>
    <row r="93" spans="2:64" x14ac:dyDescent="0.15">
      <c r="B93" s="18"/>
      <c r="C93" s="37"/>
      <c r="D93" s="37"/>
      <c r="E93" s="37"/>
      <c r="F93" s="37"/>
      <c r="G93" s="37"/>
      <c r="H93" s="63"/>
      <c r="I93" s="63"/>
      <c r="J93" s="63"/>
      <c r="K93" s="63"/>
      <c r="L93" s="63"/>
      <c r="M93" s="63"/>
      <c r="N93" s="63"/>
      <c r="O93" s="63"/>
      <c r="P93" s="63"/>
      <c r="Q93" s="63"/>
      <c r="R93" s="63"/>
      <c r="S93" s="63"/>
      <c r="T93" s="63"/>
      <c r="W93" s="63"/>
      <c r="X93" s="63"/>
      <c r="Y93" s="63"/>
      <c r="Z93" s="63"/>
      <c r="AA93" s="63"/>
      <c r="AB93" s="63"/>
      <c r="AC93" s="63"/>
      <c r="AD93" s="63"/>
      <c r="AE93" s="63"/>
      <c r="AF93" s="63"/>
      <c r="AG93" s="63"/>
      <c r="AH93" s="63"/>
      <c r="AI93" s="63"/>
      <c r="AJ93" s="63"/>
      <c r="AK93" s="63"/>
      <c r="AL93" s="63"/>
      <c r="AM93" s="63"/>
      <c r="AN93" s="63"/>
      <c r="AO93" s="63"/>
      <c r="AP93" s="63"/>
      <c r="AQ93" s="63"/>
      <c r="AR93" s="63"/>
      <c r="AS93" s="63"/>
      <c r="AT93" s="63"/>
      <c r="AU93" s="63"/>
      <c r="AV93" s="63"/>
      <c r="AW93" s="63"/>
      <c r="AX93" s="63"/>
      <c r="AY93" s="63"/>
      <c r="AZ93" s="63"/>
      <c r="BA93" s="63"/>
      <c r="BB93" s="63"/>
      <c r="BC93" s="63"/>
      <c r="BE93" s="24"/>
      <c r="BF93" s="25"/>
    </row>
    <row r="94" spans="2:64" x14ac:dyDescent="0.15">
      <c r="B94" s="18"/>
      <c r="C94" s="5" t="s">
        <v>125</v>
      </c>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c r="AG94" s="3"/>
      <c r="AH94" s="3"/>
      <c r="AI94" s="3"/>
      <c r="AJ94" s="3"/>
      <c r="AK94" s="3"/>
      <c r="AL94" s="3"/>
      <c r="AM94" s="3"/>
      <c r="AN94" s="3"/>
      <c r="AO94" s="3"/>
      <c r="AP94" s="3"/>
      <c r="AQ94" s="3"/>
      <c r="AR94" s="19"/>
      <c r="AS94" s="19"/>
      <c r="AT94" s="19"/>
      <c r="AU94" s="19"/>
      <c r="AV94" s="19"/>
      <c r="AW94" s="19"/>
      <c r="AX94" s="19"/>
      <c r="AY94" s="19"/>
      <c r="AZ94" s="19"/>
      <c r="BA94" s="19"/>
      <c r="BB94" s="19"/>
      <c r="BC94" s="19"/>
      <c r="BD94" s="20"/>
      <c r="BE94" s="21"/>
      <c r="BF94" s="22"/>
      <c r="BG94" s="20"/>
      <c r="BJ94" s="20"/>
      <c r="BK94" s="23"/>
      <c r="BL94" s="23"/>
    </row>
    <row r="95" spans="2:64" x14ac:dyDescent="0.15">
      <c r="B95" s="18"/>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c r="AG95" s="3"/>
      <c r="AH95" s="3"/>
      <c r="AI95" s="3"/>
      <c r="AJ95" s="3"/>
      <c r="AK95" s="3"/>
      <c r="AL95" s="3"/>
      <c r="AM95" s="3"/>
      <c r="AN95" s="3"/>
      <c r="AO95" s="3"/>
      <c r="AP95" s="3"/>
      <c r="AQ95" s="3"/>
      <c r="AR95" s="19"/>
      <c r="AS95" s="19"/>
      <c r="AT95" s="19"/>
      <c r="AU95" s="19"/>
      <c r="AV95" s="19"/>
      <c r="AW95" s="19"/>
      <c r="AX95" s="19"/>
      <c r="AY95" s="19"/>
      <c r="AZ95" s="19"/>
      <c r="BA95" s="109" t="s">
        <v>5</v>
      </c>
      <c r="BB95" s="109"/>
      <c r="BC95" s="109"/>
      <c r="BE95" s="21"/>
      <c r="BF95" s="22"/>
      <c r="BG95" s="20"/>
    </row>
    <row r="96" spans="2:64" ht="24.75" customHeight="1" x14ac:dyDescent="0.15">
      <c r="B96" s="18"/>
      <c r="C96" s="97" t="s">
        <v>29</v>
      </c>
      <c r="D96" s="98"/>
      <c r="E96" s="98"/>
      <c r="F96" s="98"/>
      <c r="G96" s="98"/>
      <c r="H96" s="99"/>
      <c r="I96" s="97" t="s">
        <v>7</v>
      </c>
      <c r="J96" s="98"/>
      <c r="K96" s="98"/>
      <c r="L96" s="98"/>
      <c r="M96" s="98"/>
      <c r="N96" s="99"/>
      <c r="O96" s="97" t="s">
        <v>8</v>
      </c>
      <c r="P96" s="98"/>
      <c r="Q96" s="98"/>
      <c r="R96" s="99"/>
      <c r="S96" s="97" t="s">
        <v>9</v>
      </c>
      <c r="T96" s="98"/>
      <c r="U96" s="98"/>
      <c r="V96" s="98"/>
      <c r="W96" s="99"/>
      <c r="X96" s="97" t="s">
        <v>44</v>
      </c>
      <c r="Y96" s="98"/>
      <c r="Z96" s="98"/>
      <c r="AA96" s="98"/>
      <c r="AB96" s="98"/>
      <c r="AC96" s="98"/>
      <c r="AD96" s="98"/>
      <c r="AE96" s="98"/>
      <c r="AF96" s="98"/>
      <c r="AG96" s="98"/>
      <c r="AH96" s="99"/>
      <c r="AI96" s="97" t="s">
        <v>35</v>
      </c>
      <c r="AJ96" s="98"/>
      <c r="AK96" s="98"/>
      <c r="AL96" s="99"/>
      <c r="AM96" s="98" t="s">
        <v>36</v>
      </c>
      <c r="AN96" s="98"/>
      <c r="AO96" s="98"/>
      <c r="AP96" s="99"/>
      <c r="AQ96" s="97" t="s">
        <v>42</v>
      </c>
      <c r="AR96" s="98"/>
      <c r="AS96" s="99"/>
      <c r="AT96" s="97" t="s">
        <v>11</v>
      </c>
      <c r="AU96" s="98"/>
      <c r="AV96" s="99"/>
      <c r="AW96" s="114" t="s">
        <v>38</v>
      </c>
      <c r="AX96" s="115"/>
      <c r="AY96" s="115"/>
      <c r="AZ96" s="116"/>
      <c r="BA96" s="169" t="s">
        <v>16</v>
      </c>
      <c r="BB96" s="170"/>
      <c r="BC96" s="171"/>
      <c r="BE96" s="24"/>
      <c r="BF96" s="25"/>
    </row>
    <row r="97" spans="2:64" ht="24.75" customHeight="1" x14ac:dyDescent="0.15">
      <c r="B97" s="18"/>
      <c r="C97" s="100"/>
      <c r="D97" s="101"/>
      <c r="E97" s="101"/>
      <c r="F97" s="101"/>
      <c r="G97" s="101"/>
      <c r="H97" s="102"/>
      <c r="I97" s="100"/>
      <c r="J97" s="101"/>
      <c r="K97" s="101"/>
      <c r="L97" s="101"/>
      <c r="M97" s="101"/>
      <c r="N97" s="102"/>
      <c r="O97" s="100"/>
      <c r="P97" s="101"/>
      <c r="Q97" s="101"/>
      <c r="R97" s="102"/>
      <c r="S97" s="100"/>
      <c r="T97" s="101"/>
      <c r="U97" s="101"/>
      <c r="V97" s="101"/>
      <c r="W97" s="102"/>
      <c r="X97" s="100"/>
      <c r="Y97" s="101"/>
      <c r="Z97" s="101"/>
      <c r="AA97" s="101"/>
      <c r="AB97" s="101"/>
      <c r="AC97" s="101"/>
      <c r="AD97" s="101"/>
      <c r="AE97" s="101"/>
      <c r="AF97" s="101"/>
      <c r="AG97" s="101"/>
      <c r="AH97" s="102"/>
      <c r="AI97" s="100"/>
      <c r="AJ97" s="101"/>
      <c r="AK97" s="101"/>
      <c r="AL97" s="102"/>
      <c r="AM97" s="101"/>
      <c r="AN97" s="101"/>
      <c r="AO97" s="101"/>
      <c r="AP97" s="102"/>
      <c r="AQ97" s="100"/>
      <c r="AR97" s="101"/>
      <c r="AS97" s="102"/>
      <c r="AT97" s="100"/>
      <c r="AU97" s="101"/>
      <c r="AV97" s="102"/>
      <c r="AW97" s="117"/>
      <c r="AX97" s="118"/>
      <c r="AY97" s="118"/>
      <c r="AZ97" s="119"/>
      <c r="BA97" s="172"/>
      <c r="BB97" s="173"/>
      <c r="BC97" s="174"/>
      <c r="BE97" s="24"/>
      <c r="BF97" s="25"/>
    </row>
    <row r="98" spans="2:64" ht="24.75" customHeight="1" x14ac:dyDescent="0.15">
      <c r="B98" s="18"/>
      <c r="C98" s="100"/>
      <c r="D98" s="101"/>
      <c r="E98" s="101"/>
      <c r="F98" s="101"/>
      <c r="G98" s="101"/>
      <c r="H98" s="102"/>
      <c r="I98" s="100"/>
      <c r="J98" s="101"/>
      <c r="K98" s="101"/>
      <c r="L98" s="101"/>
      <c r="M98" s="101"/>
      <c r="N98" s="102"/>
      <c r="O98" s="100"/>
      <c r="P98" s="101"/>
      <c r="Q98" s="101"/>
      <c r="R98" s="102"/>
      <c r="S98" s="100"/>
      <c r="T98" s="101"/>
      <c r="U98" s="101"/>
      <c r="V98" s="101"/>
      <c r="W98" s="102"/>
      <c r="X98" s="100"/>
      <c r="Y98" s="101"/>
      <c r="Z98" s="101"/>
      <c r="AA98" s="101"/>
      <c r="AB98" s="101"/>
      <c r="AC98" s="101"/>
      <c r="AD98" s="101"/>
      <c r="AE98" s="101"/>
      <c r="AF98" s="101"/>
      <c r="AG98" s="101"/>
      <c r="AH98" s="102"/>
      <c r="AI98" s="100"/>
      <c r="AJ98" s="101"/>
      <c r="AK98" s="101"/>
      <c r="AL98" s="102"/>
      <c r="AM98" s="101"/>
      <c r="AN98" s="101"/>
      <c r="AO98" s="101"/>
      <c r="AP98" s="102"/>
      <c r="AQ98" s="100"/>
      <c r="AR98" s="101"/>
      <c r="AS98" s="102"/>
      <c r="AT98" s="100"/>
      <c r="AU98" s="101"/>
      <c r="AV98" s="102"/>
      <c r="AW98" s="117"/>
      <c r="AX98" s="118"/>
      <c r="AY98" s="118"/>
      <c r="AZ98" s="119"/>
      <c r="BA98" s="172"/>
      <c r="BB98" s="173"/>
      <c r="BC98" s="174"/>
      <c r="BE98" s="24"/>
      <c r="BF98" s="25"/>
    </row>
    <row r="99" spans="2:64" ht="17.25" customHeight="1" x14ac:dyDescent="0.15">
      <c r="B99" s="18"/>
      <c r="C99" s="100"/>
      <c r="D99" s="101"/>
      <c r="E99" s="101"/>
      <c r="F99" s="101"/>
      <c r="G99" s="101"/>
      <c r="H99" s="102"/>
      <c r="I99" s="100"/>
      <c r="J99" s="101"/>
      <c r="K99" s="101"/>
      <c r="L99" s="101"/>
      <c r="M99" s="101"/>
      <c r="N99" s="102"/>
      <c r="O99" s="100"/>
      <c r="P99" s="101"/>
      <c r="Q99" s="101"/>
      <c r="R99" s="102"/>
      <c r="S99" s="100"/>
      <c r="T99" s="101"/>
      <c r="U99" s="101"/>
      <c r="V99" s="101"/>
      <c r="W99" s="102"/>
      <c r="X99" s="100"/>
      <c r="Y99" s="101"/>
      <c r="Z99" s="101"/>
      <c r="AA99" s="101"/>
      <c r="AB99" s="101"/>
      <c r="AC99" s="101"/>
      <c r="AD99" s="101"/>
      <c r="AE99" s="101"/>
      <c r="AF99" s="101"/>
      <c r="AG99" s="101"/>
      <c r="AH99" s="102"/>
      <c r="AI99" s="100"/>
      <c r="AJ99" s="101"/>
      <c r="AK99" s="101"/>
      <c r="AL99" s="102"/>
      <c r="AM99" s="101"/>
      <c r="AN99" s="101"/>
      <c r="AO99" s="101"/>
      <c r="AP99" s="102"/>
      <c r="AQ99" s="100"/>
      <c r="AR99" s="101"/>
      <c r="AS99" s="102"/>
      <c r="AT99" s="100"/>
      <c r="AU99" s="101"/>
      <c r="AV99" s="102"/>
      <c r="AW99" s="100" t="s">
        <v>43</v>
      </c>
      <c r="AX99" s="101"/>
      <c r="AY99" s="101"/>
      <c r="AZ99" s="102"/>
      <c r="BA99" s="172"/>
      <c r="BB99" s="173"/>
      <c r="BC99" s="174"/>
      <c r="BE99" s="24"/>
      <c r="BF99" s="25"/>
    </row>
    <row r="100" spans="2:64" ht="24.75" customHeight="1" x14ac:dyDescent="0.15">
      <c r="B100" s="18"/>
      <c r="C100" s="41"/>
      <c r="D100" s="42"/>
      <c r="E100" s="42"/>
      <c r="F100" s="42"/>
      <c r="G100" s="42"/>
      <c r="H100" s="43"/>
      <c r="I100" s="41"/>
      <c r="J100" s="42"/>
      <c r="K100" s="42"/>
      <c r="L100" s="42"/>
      <c r="M100" s="42"/>
      <c r="N100" s="43"/>
      <c r="O100" s="41"/>
      <c r="P100" s="42"/>
      <c r="Q100" s="42"/>
      <c r="R100" s="43"/>
      <c r="S100" s="103"/>
      <c r="T100" s="104"/>
      <c r="U100" s="104"/>
      <c r="V100" s="104"/>
      <c r="W100" s="105"/>
      <c r="X100" s="103"/>
      <c r="Y100" s="104"/>
      <c r="Z100" s="104"/>
      <c r="AA100" s="104"/>
      <c r="AB100" s="104"/>
      <c r="AC100" s="104"/>
      <c r="AD100" s="104"/>
      <c r="AE100" s="104"/>
      <c r="AF100" s="104"/>
      <c r="AG100" s="104"/>
      <c r="AH100" s="105"/>
      <c r="AI100" s="103"/>
      <c r="AJ100" s="104"/>
      <c r="AK100" s="104"/>
      <c r="AL100" s="105"/>
      <c r="AM100" s="104"/>
      <c r="AN100" s="104"/>
      <c r="AO100" s="104"/>
      <c r="AP100" s="105"/>
      <c r="AQ100" s="103" t="s">
        <v>40</v>
      </c>
      <c r="AR100" s="104"/>
      <c r="AS100" s="105"/>
      <c r="AT100" s="103" t="s">
        <v>41</v>
      </c>
      <c r="AU100" s="104"/>
      <c r="AV100" s="105"/>
      <c r="AW100" s="103"/>
      <c r="AX100" s="104"/>
      <c r="AY100" s="104"/>
      <c r="AZ100" s="105"/>
      <c r="BA100" s="29"/>
      <c r="BB100" s="30"/>
      <c r="BC100" s="31"/>
      <c r="BE100" s="24"/>
      <c r="BF100" s="25"/>
    </row>
    <row r="101" spans="2:64" ht="21" customHeight="1" x14ac:dyDescent="0.15">
      <c r="B101" s="18"/>
      <c r="C101" s="132"/>
      <c r="D101" s="133"/>
      <c r="E101" s="133"/>
      <c r="F101" s="133"/>
      <c r="G101" s="133"/>
      <c r="H101" s="134"/>
      <c r="I101" s="135"/>
      <c r="J101" s="136"/>
      <c r="K101" s="136"/>
      <c r="L101" s="136"/>
      <c r="M101" s="136"/>
      <c r="N101" s="137"/>
      <c r="O101" s="132"/>
      <c r="P101" s="133"/>
      <c r="Q101" s="133"/>
      <c r="R101" s="134"/>
      <c r="S101" s="132"/>
      <c r="T101" s="133"/>
      <c r="U101" s="133"/>
      <c r="V101" s="133"/>
      <c r="W101" s="134"/>
      <c r="X101" s="138"/>
      <c r="Y101" s="139"/>
      <c r="Z101" s="139"/>
      <c r="AA101" s="139"/>
      <c r="AB101" s="139"/>
      <c r="AC101" s="139"/>
      <c r="AD101" s="139"/>
      <c r="AE101" s="139"/>
      <c r="AF101" s="139"/>
      <c r="AG101" s="139"/>
      <c r="AH101" s="140"/>
      <c r="AI101" s="73"/>
      <c r="AJ101" s="74"/>
      <c r="AK101" s="74"/>
      <c r="AL101" s="75"/>
      <c r="AM101" s="73"/>
      <c r="AN101" s="74"/>
      <c r="AO101" s="74"/>
      <c r="AP101" s="75"/>
      <c r="AQ101" s="73"/>
      <c r="AR101" s="74"/>
      <c r="AS101" s="75"/>
      <c r="AT101" s="79"/>
      <c r="AU101" s="80"/>
      <c r="AV101" s="81"/>
      <c r="AW101" s="79"/>
      <c r="AX101" s="80"/>
      <c r="AY101" s="80"/>
      <c r="AZ101" s="81"/>
      <c r="BA101" s="123"/>
      <c r="BB101" s="124"/>
      <c r="BC101" s="125"/>
      <c r="BE101" s="24"/>
      <c r="BF101" s="25"/>
    </row>
    <row r="102" spans="2:64" ht="21" customHeight="1" x14ac:dyDescent="0.15">
      <c r="B102" s="18"/>
      <c r="C102" s="129"/>
      <c r="D102" s="130"/>
      <c r="E102" s="130"/>
      <c r="F102" s="130"/>
      <c r="G102" s="130"/>
      <c r="H102" s="131"/>
      <c r="I102" s="144"/>
      <c r="J102" s="145"/>
      <c r="K102" s="145"/>
      <c r="L102" s="145"/>
      <c r="M102" s="145"/>
      <c r="N102" s="146"/>
      <c r="O102" s="129"/>
      <c r="P102" s="130"/>
      <c r="Q102" s="130"/>
      <c r="R102" s="131"/>
      <c r="S102" s="129"/>
      <c r="T102" s="130"/>
      <c r="U102" s="130"/>
      <c r="V102" s="130"/>
      <c r="W102" s="131"/>
      <c r="X102" s="147"/>
      <c r="Y102" s="148"/>
      <c r="Z102" s="148"/>
      <c r="AA102" s="148"/>
      <c r="AB102" s="148"/>
      <c r="AC102" s="148"/>
      <c r="AD102" s="148"/>
      <c r="AE102" s="148"/>
      <c r="AF102" s="148"/>
      <c r="AG102" s="148"/>
      <c r="AH102" s="149"/>
      <c r="AI102" s="76"/>
      <c r="AJ102" s="77"/>
      <c r="AK102" s="77"/>
      <c r="AL102" s="78"/>
      <c r="AM102" s="76"/>
      <c r="AN102" s="77"/>
      <c r="AO102" s="77"/>
      <c r="AP102" s="78"/>
      <c r="AQ102" s="76"/>
      <c r="AR102" s="77"/>
      <c r="AS102" s="78"/>
      <c r="AT102" s="85"/>
      <c r="AU102" s="86"/>
      <c r="AV102" s="87"/>
      <c r="AW102" s="85"/>
      <c r="AX102" s="86"/>
      <c r="AY102" s="86"/>
      <c r="AZ102" s="87"/>
      <c r="BA102" s="126"/>
      <c r="BB102" s="127"/>
      <c r="BC102" s="128"/>
      <c r="BE102" s="24"/>
      <c r="BF102" s="25"/>
    </row>
    <row r="103" spans="2:64" ht="21" customHeight="1" x14ac:dyDescent="0.15">
      <c r="B103" s="18"/>
      <c r="C103" s="132"/>
      <c r="D103" s="133"/>
      <c r="E103" s="133"/>
      <c r="F103" s="133"/>
      <c r="G103" s="133"/>
      <c r="H103" s="134"/>
      <c r="I103" s="135"/>
      <c r="J103" s="136"/>
      <c r="K103" s="136"/>
      <c r="L103" s="136"/>
      <c r="M103" s="136"/>
      <c r="N103" s="137"/>
      <c r="O103" s="132"/>
      <c r="P103" s="133"/>
      <c r="Q103" s="133"/>
      <c r="R103" s="134"/>
      <c r="S103" s="132"/>
      <c r="T103" s="133"/>
      <c r="U103" s="133"/>
      <c r="V103" s="133"/>
      <c r="W103" s="134"/>
      <c r="X103" s="138"/>
      <c r="Y103" s="139"/>
      <c r="Z103" s="139"/>
      <c r="AA103" s="139"/>
      <c r="AB103" s="139"/>
      <c r="AC103" s="139"/>
      <c r="AD103" s="139"/>
      <c r="AE103" s="139"/>
      <c r="AF103" s="139"/>
      <c r="AG103" s="139"/>
      <c r="AH103" s="140"/>
      <c r="AI103" s="73"/>
      <c r="AJ103" s="74"/>
      <c r="AK103" s="74"/>
      <c r="AL103" s="75"/>
      <c r="AM103" s="73"/>
      <c r="AN103" s="74"/>
      <c r="AO103" s="74"/>
      <c r="AP103" s="75"/>
      <c r="AQ103" s="73"/>
      <c r="AR103" s="74"/>
      <c r="AS103" s="75"/>
      <c r="AT103" s="79"/>
      <c r="AU103" s="80"/>
      <c r="AV103" s="81"/>
      <c r="AW103" s="79"/>
      <c r="AX103" s="80"/>
      <c r="AY103" s="80"/>
      <c r="AZ103" s="81"/>
      <c r="BA103" s="123"/>
      <c r="BB103" s="124"/>
      <c r="BC103" s="125"/>
      <c r="BE103" s="24"/>
      <c r="BF103" s="25"/>
    </row>
    <row r="104" spans="2:64" ht="21" customHeight="1" thickBot="1" x14ac:dyDescent="0.2">
      <c r="B104" s="18"/>
      <c r="C104" s="129"/>
      <c r="D104" s="130"/>
      <c r="E104" s="130"/>
      <c r="F104" s="130"/>
      <c r="G104" s="130"/>
      <c r="H104" s="131"/>
      <c r="I104" s="129"/>
      <c r="J104" s="130"/>
      <c r="K104" s="130"/>
      <c r="L104" s="130"/>
      <c r="M104" s="130"/>
      <c r="N104" s="131"/>
      <c r="O104" s="129"/>
      <c r="P104" s="130"/>
      <c r="Q104" s="130"/>
      <c r="R104" s="131"/>
      <c r="S104" s="129"/>
      <c r="T104" s="130"/>
      <c r="U104" s="130"/>
      <c r="V104" s="130"/>
      <c r="W104" s="131"/>
      <c r="X104" s="141"/>
      <c r="Y104" s="142"/>
      <c r="Z104" s="142"/>
      <c r="AA104" s="142"/>
      <c r="AB104" s="142"/>
      <c r="AC104" s="142"/>
      <c r="AD104" s="142"/>
      <c r="AE104" s="142"/>
      <c r="AF104" s="142"/>
      <c r="AG104" s="142"/>
      <c r="AH104" s="143"/>
      <c r="AI104" s="76"/>
      <c r="AJ104" s="77"/>
      <c r="AK104" s="77"/>
      <c r="AL104" s="78"/>
      <c r="AM104" s="76"/>
      <c r="AN104" s="77"/>
      <c r="AO104" s="77"/>
      <c r="AP104" s="78"/>
      <c r="AQ104" s="76"/>
      <c r="AR104" s="77"/>
      <c r="AS104" s="78"/>
      <c r="AT104" s="85"/>
      <c r="AU104" s="86"/>
      <c r="AV104" s="87"/>
      <c r="AW104" s="85"/>
      <c r="AX104" s="86"/>
      <c r="AY104" s="86"/>
      <c r="AZ104" s="87"/>
      <c r="BA104" s="126"/>
      <c r="BB104" s="127"/>
      <c r="BC104" s="128"/>
      <c r="BE104" s="24"/>
      <c r="BF104" s="25"/>
    </row>
    <row r="105" spans="2:64" ht="24.75" customHeight="1" thickTop="1" x14ac:dyDescent="0.15">
      <c r="B105" s="18"/>
      <c r="C105" s="110"/>
      <c r="D105" s="111"/>
      <c r="E105" s="111"/>
      <c r="F105" s="111"/>
      <c r="G105" s="111"/>
      <c r="H105" s="112"/>
      <c r="I105" s="113"/>
      <c r="J105" s="113"/>
      <c r="K105" s="113"/>
      <c r="L105" s="113"/>
      <c r="M105" s="113"/>
      <c r="N105" s="113"/>
      <c r="O105" s="106"/>
      <c r="P105" s="107"/>
      <c r="Q105" s="107"/>
      <c r="R105" s="108"/>
      <c r="S105" s="106"/>
      <c r="T105" s="107"/>
      <c r="U105" s="107"/>
      <c r="V105" s="107"/>
      <c r="W105" s="107"/>
      <c r="X105" s="106"/>
      <c r="Y105" s="107"/>
      <c r="Z105" s="107"/>
      <c r="AA105" s="107"/>
      <c r="AB105" s="107"/>
      <c r="AC105" s="107"/>
      <c r="AD105" s="107"/>
      <c r="AE105" s="107"/>
      <c r="AF105" s="107"/>
      <c r="AG105" s="107"/>
      <c r="AH105" s="108"/>
      <c r="AI105" s="55"/>
      <c r="AJ105" s="56"/>
      <c r="AK105" s="56"/>
      <c r="AL105" s="57"/>
      <c r="AM105" s="70"/>
      <c r="AN105" s="71"/>
      <c r="AO105" s="71"/>
      <c r="AP105" s="72"/>
      <c r="AQ105" s="70"/>
      <c r="AR105" s="71"/>
      <c r="AS105" s="72"/>
      <c r="AT105" s="70"/>
      <c r="AU105" s="71"/>
      <c r="AV105" s="72"/>
      <c r="AW105" s="70"/>
      <c r="AX105" s="71"/>
      <c r="AY105" s="71"/>
      <c r="AZ105" s="72"/>
      <c r="BA105" s="106"/>
      <c r="BB105" s="107"/>
      <c r="BC105" s="108"/>
      <c r="BE105" s="24"/>
      <c r="BF105" s="25"/>
    </row>
    <row r="106" spans="2:64" x14ac:dyDescent="0.15">
      <c r="B106" s="18"/>
      <c r="C106" s="37"/>
      <c r="D106" s="37"/>
      <c r="E106" s="37"/>
      <c r="F106" s="37"/>
      <c r="G106" s="37"/>
      <c r="H106" s="63"/>
      <c r="I106" s="63"/>
      <c r="J106" s="63"/>
      <c r="K106" s="63"/>
      <c r="L106" s="63"/>
      <c r="M106" s="63"/>
      <c r="N106" s="63"/>
      <c r="O106" s="63"/>
      <c r="P106" s="63"/>
      <c r="Q106" s="63"/>
      <c r="R106" s="63"/>
      <c r="S106" s="63"/>
      <c r="T106" s="63"/>
      <c r="W106" s="63"/>
      <c r="X106" s="63"/>
      <c r="Y106" s="63"/>
      <c r="Z106" s="63"/>
      <c r="AA106" s="63"/>
      <c r="AB106" s="63"/>
      <c r="AC106" s="63"/>
      <c r="AD106" s="63"/>
      <c r="AE106" s="63"/>
      <c r="AF106" s="63"/>
      <c r="AG106" s="63"/>
      <c r="AH106" s="63"/>
      <c r="AI106" s="63"/>
      <c r="AJ106" s="63"/>
      <c r="AK106" s="63"/>
      <c r="AL106" s="63"/>
      <c r="AM106" s="63"/>
      <c r="AN106" s="63"/>
      <c r="AO106" s="63"/>
      <c r="AP106" s="63"/>
      <c r="AQ106" s="63"/>
      <c r="AR106" s="63"/>
      <c r="AS106" s="63"/>
      <c r="AT106" s="63"/>
      <c r="AU106" s="63"/>
      <c r="AV106" s="63"/>
      <c r="AW106" s="63"/>
      <c r="AX106" s="63"/>
      <c r="AY106" s="63"/>
      <c r="AZ106" s="63"/>
      <c r="BA106" s="63"/>
      <c r="BB106" s="63"/>
      <c r="BC106" s="63"/>
      <c r="BE106" s="24"/>
      <c r="BF106" s="25"/>
    </row>
    <row r="107" spans="2:64" x14ac:dyDescent="0.15">
      <c r="B107" s="18"/>
      <c r="C107" s="5" t="s">
        <v>126</v>
      </c>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c r="AG107" s="3"/>
      <c r="AH107" s="3"/>
      <c r="AI107" s="3"/>
      <c r="AJ107" s="3"/>
      <c r="AK107" s="3"/>
      <c r="AL107" s="3"/>
      <c r="AM107" s="3"/>
      <c r="AN107" s="3"/>
      <c r="AO107" s="3"/>
      <c r="AP107" s="3"/>
      <c r="AQ107" s="3"/>
      <c r="AR107" s="19"/>
      <c r="AS107" s="19"/>
      <c r="AT107" s="19"/>
      <c r="AU107" s="19"/>
      <c r="AV107" s="19"/>
      <c r="AW107" s="19"/>
      <c r="AX107" s="19"/>
      <c r="AY107" s="19"/>
      <c r="AZ107" s="19"/>
      <c r="BA107" s="19"/>
      <c r="BB107" s="19"/>
      <c r="BC107" s="19"/>
      <c r="BD107" s="20"/>
      <c r="BE107" s="21"/>
      <c r="BF107" s="22"/>
      <c r="BG107" s="20"/>
      <c r="BJ107" s="20"/>
      <c r="BK107" s="23"/>
      <c r="BL107" s="23"/>
    </row>
    <row r="108" spans="2:64" ht="10.5" customHeight="1" x14ac:dyDescent="0.15">
      <c r="B108" s="18"/>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c r="AF108" s="3"/>
      <c r="AG108" s="3"/>
      <c r="AH108" s="3"/>
      <c r="AI108" s="3"/>
      <c r="AJ108" s="3"/>
      <c r="AK108" s="3"/>
      <c r="AL108" s="3"/>
      <c r="AM108" s="3"/>
      <c r="AN108" s="3"/>
      <c r="AO108" s="3"/>
      <c r="AP108" s="3"/>
      <c r="AQ108" s="3"/>
      <c r="AR108" s="19"/>
      <c r="AS108" s="19"/>
      <c r="AT108" s="19"/>
      <c r="AU108" s="19"/>
      <c r="AV108" s="19"/>
      <c r="AW108" s="19"/>
      <c r="AX108" s="19"/>
      <c r="AY108" s="19"/>
      <c r="AZ108" s="19"/>
      <c r="BA108" s="109" t="s">
        <v>5</v>
      </c>
      <c r="BB108" s="109"/>
      <c r="BC108" s="109"/>
      <c r="BE108" s="21"/>
      <c r="BF108" s="22"/>
      <c r="BG108" s="20"/>
    </row>
    <row r="109" spans="2:64" ht="24.75" customHeight="1" x14ac:dyDescent="0.15">
      <c r="B109" s="18"/>
      <c r="C109" s="97" t="s">
        <v>29</v>
      </c>
      <c r="D109" s="98"/>
      <c r="E109" s="98"/>
      <c r="F109" s="99"/>
      <c r="G109" s="97" t="s">
        <v>30</v>
      </c>
      <c r="H109" s="98"/>
      <c r="I109" s="98"/>
      <c r="J109" s="99"/>
      <c r="K109" s="97" t="s">
        <v>31</v>
      </c>
      <c r="L109" s="98"/>
      <c r="M109" s="98"/>
      <c r="N109" s="99"/>
      <c r="O109" s="97" t="s">
        <v>8</v>
      </c>
      <c r="P109" s="98"/>
      <c r="Q109" s="99"/>
      <c r="R109" s="97" t="s">
        <v>32</v>
      </c>
      <c r="S109" s="98"/>
      <c r="T109" s="99"/>
      <c r="U109" s="97" t="s">
        <v>33</v>
      </c>
      <c r="V109" s="98"/>
      <c r="W109" s="98"/>
      <c r="X109" s="98"/>
      <c r="Y109" s="98"/>
      <c r="Z109" s="99"/>
      <c r="AA109" s="97" t="s">
        <v>34</v>
      </c>
      <c r="AB109" s="98"/>
      <c r="AC109" s="98"/>
      <c r="AD109" s="98"/>
      <c r="AE109" s="98"/>
      <c r="AF109" s="98"/>
      <c r="AG109" s="99"/>
      <c r="AH109" s="97" t="s">
        <v>35</v>
      </c>
      <c r="AI109" s="98"/>
      <c r="AJ109" s="98"/>
      <c r="AK109" s="99"/>
      <c r="AL109" s="97" t="s">
        <v>36</v>
      </c>
      <c r="AM109" s="98"/>
      <c r="AN109" s="98"/>
      <c r="AO109" s="99"/>
      <c r="AP109" s="97" t="s">
        <v>37</v>
      </c>
      <c r="AQ109" s="98"/>
      <c r="AR109" s="99"/>
      <c r="AS109" s="97" t="s">
        <v>11</v>
      </c>
      <c r="AT109" s="98"/>
      <c r="AU109" s="99"/>
      <c r="AV109" s="114" t="s">
        <v>38</v>
      </c>
      <c r="AW109" s="115"/>
      <c r="AX109" s="115"/>
      <c r="AY109" s="116"/>
      <c r="AZ109" s="114" t="s">
        <v>16</v>
      </c>
      <c r="BA109" s="115"/>
      <c r="BB109" s="115"/>
      <c r="BC109" s="116"/>
      <c r="BE109" s="24"/>
      <c r="BF109" s="25"/>
    </row>
    <row r="110" spans="2:64" ht="24.75" customHeight="1" x14ac:dyDescent="0.15">
      <c r="B110" s="18"/>
      <c r="C110" s="100"/>
      <c r="D110" s="101"/>
      <c r="E110" s="101"/>
      <c r="F110" s="102"/>
      <c r="G110" s="100"/>
      <c r="H110" s="101"/>
      <c r="I110" s="101"/>
      <c r="J110" s="102"/>
      <c r="K110" s="100"/>
      <c r="L110" s="101"/>
      <c r="M110" s="101"/>
      <c r="N110" s="102"/>
      <c r="O110" s="100"/>
      <c r="P110" s="101"/>
      <c r="Q110" s="102"/>
      <c r="R110" s="100"/>
      <c r="S110" s="101"/>
      <c r="T110" s="102"/>
      <c r="U110" s="100"/>
      <c r="V110" s="101"/>
      <c r="W110" s="101"/>
      <c r="X110" s="101"/>
      <c r="Y110" s="101"/>
      <c r="Z110" s="102"/>
      <c r="AA110" s="100"/>
      <c r="AB110" s="101"/>
      <c r="AC110" s="101"/>
      <c r="AD110" s="101"/>
      <c r="AE110" s="101"/>
      <c r="AF110" s="101"/>
      <c r="AG110" s="102"/>
      <c r="AH110" s="100"/>
      <c r="AI110" s="101"/>
      <c r="AJ110" s="101"/>
      <c r="AK110" s="102"/>
      <c r="AL110" s="100"/>
      <c r="AM110" s="101"/>
      <c r="AN110" s="101"/>
      <c r="AO110" s="102"/>
      <c r="AP110" s="100"/>
      <c r="AQ110" s="101"/>
      <c r="AR110" s="102"/>
      <c r="AS110" s="100"/>
      <c r="AT110" s="101"/>
      <c r="AU110" s="102"/>
      <c r="AV110" s="117"/>
      <c r="AW110" s="118"/>
      <c r="AX110" s="118"/>
      <c r="AY110" s="119"/>
      <c r="AZ110" s="117"/>
      <c r="BA110" s="118"/>
      <c r="BB110" s="118"/>
      <c r="BC110" s="119"/>
      <c r="BE110" s="24"/>
      <c r="BF110" s="25"/>
    </row>
    <row r="111" spans="2:64" ht="24.75" customHeight="1" x14ac:dyDescent="0.15">
      <c r="B111" s="18"/>
      <c r="C111" s="100"/>
      <c r="D111" s="101"/>
      <c r="E111" s="101"/>
      <c r="F111" s="102"/>
      <c r="G111" s="100"/>
      <c r="H111" s="101"/>
      <c r="I111" s="101"/>
      <c r="J111" s="102"/>
      <c r="K111" s="100"/>
      <c r="L111" s="101"/>
      <c r="M111" s="101"/>
      <c r="N111" s="102"/>
      <c r="O111" s="100"/>
      <c r="P111" s="101"/>
      <c r="Q111" s="102"/>
      <c r="R111" s="100"/>
      <c r="S111" s="101"/>
      <c r="T111" s="102"/>
      <c r="U111" s="100"/>
      <c r="V111" s="101"/>
      <c r="W111" s="101"/>
      <c r="X111" s="101"/>
      <c r="Y111" s="101"/>
      <c r="Z111" s="102"/>
      <c r="AA111" s="100"/>
      <c r="AB111" s="101"/>
      <c r="AC111" s="101"/>
      <c r="AD111" s="101"/>
      <c r="AE111" s="101"/>
      <c r="AF111" s="101"/>
      <c r="AG111" s="102"/>
      <c r="AH111" s="100"/>
      <c r="AI111" s="101"/>
      <c r="AJ111" s="101"/>
      <c r="AK111" s="102"/>
      <c r="AL111" s="100"/>
      <c r="AM111" s="101"/>
      <c r="AN111" s="101"/>
      <c r="AO111" s="102"/>
      <c r="AP111" s="100"/>
      <c r="AQ111" s="101"/>
      <c r="AR111" s="102"/>
      <c r="AS111" s="100"/>
      <c r="AT111" s="101"/>
      <c r="AU111" s="102"/>
      <c r="AV111" s="117"/>
      <c r="AW111" s="118"/>
      <c r="AX111" s="118"/>
      <c r="AY111" s="119"/>
      <c r="AZ111" s="117"/>
      <c r="BA111" s="118"/>
      <c r="BB111" s="118"/>
      <c r="BC111" s="119"/>
      <c r="BE111" s="24"/>
      <c r="BF111" s="25"/>
    </row>
    <row r="112" spans="2:64" ht="17.25" customHeight="1" x14ac:dyDescent="0.15">
      <c r="B112" s="18"/>
      <c r="C112" s="100"/>
      <c r="D112" s="101"/>
      <c r="E112" s="101"/>
      <c r="F112" s="102"/>
      <c r="G112" s="100"/>
      <c r="H112" s="101"/>
      <c r="I112" s="101"/>
      <c r="J112" s="102"/>
      <c r="K112" s="100"/>
      <c r="L112" s="101"/>
      <c r="M112" s="101"/>
      <c r="N112" s="102"/>
      <c r="O112" s="100"/>
      <c r="P112" s="101"/>
      <c r="Q112" s="102"/>
      <c r="R112" s="100"/>
      <c r="S112" s="101"/>
      <c r="T112" s="102"/>
      <c r="U112" s="100"/>
      <c r="V112" s="101"/>
      <c r="W112" s="101"/>
      <c r="X112" s="101"/>
      <c r="Y112" s="101"/>
      <c r="Z112" s="102"/>
      <c r="AA112" s="100"/>
      <c r="AB112" s="101"/>
      <c r="AC112" s="101"/>
      <c r="AD112" s="101"/>
      <c r="AE112" s="101"/>
      <c r="AF112" s="101"/>
      <c r="AG112" s="102"/>
      <c r="AH112" s="100"/>
      <c r="AI112" s="101"/>
      <c r="AJ112" s="101"/>
      <c r="AK112" s="102"/>
      <c r="AL112" s="100"/>
      <c r="AM112" s="101"/>
      <c r="AN112" s="101"/>
      <c r="AO112" s="102"/>
      <c r="AP112" s="100"/>
      <c r="AQ112" s="101"/>
      <c r="AR112" s="102"/>
      <c r="AS112" s="100"/>
      <c r="AT112" s="101"/>
      <c r="AU112" s="102"/>
      <c r="AV112" s="100" t="s">
        <v>39</v>
      </c>
      <c r="AW112" s="101"/>
      <c r="AX112" s="101"/>
      <c r="AY112" s="102"/>
      <c r="AZ112" s="117"/>
      <c r="BA112" s="118"/>
      <c r="BB112" s="118"/>
      <c r="BC112" s="119"/>
      <c r="BE112" s="24"/>
      <c r="BF112" s="25"/>
    </row>
    <row r="113" spans="2:58" ht="24.75" customHeight="1" x14ac:dyDescent="0.15">
      <c r="B113" s="18"/>
      <c r="C113" s="103"/>
      <c r="D113" s="104"/>
      <c r="E113" s="104"/>
      <c r="F113" s="105"/>
      <c r="G113" s="103"/>
      <c r="H113" s="104"/>
      <c r="I113" s="104"/>
      <c r="J113" s="105"/>
      <c r="K113" s="103"/>
      <c r="L113" s="104"/>
      <c r="M113" s="104"/>
      <c r="N113" s="105"/>
      <c r="O113" s="103"/>
      <c r="P113" s="104"/>
      <c r="Q113" s="105"/>
      <c r="R113" s="103"/>
      <c r="S113" s="104"/>
      <c r="T113" s="105"/>
      <c r="U113" s="103"/>
      <c r="V113" s="104"/>
      <c r="W113" s="104"/>
      <c r="X113" s="104"/>
      <c r="Y113" s="104"/>
      <c r="Z113" s="105"/>
      <c r="AA113" s="103"/>
      <c r="AB113" s="104"/>
      <c r="AC113" s="104"/>
      <c r="AD113" s="104"/>
      <c r="AE113" s="104"/>
      <c r="AF113" s="104"/>
      <c r="AG113" s="105"/>
      <c r="AH113" s="103"/>
      <c r="AI113" s="104"/>
      <c r="AJ113" s="104"/>
      <c r="AK113" s="105"/>
      <c r="AL113" s="103"/>
      <c r="AM113" s="104"/>
      <c r="AN113" s="104"/>
      <c r="AO113" s="105"/>
      <c r="AP113" s="103" t="s">
        <v>40</v>
      </c>
      <c r="AQ113" s="104"/>
      <c r="AR113" s="105"/>
      <c r="AS113" s="103" t="s">
        <v>41</v>
      </c>
      <c r="AT113" s="104"/>
      <c r="AU113" s="105"/>
      <c r="AV113" s="103"/>
      <c r="AW113" s="104"/>
      <c r="AX113" s="104"/>
      <c r="AY113" s="105"/>
      <c r="AZ113" s="120"/>
      <c r="BA113" s="121"/>
      <c r="BB113" s="121"/>
      <c r="BC113" s="122"/>
      <c r="BE113" s="24"/>
      <c r="BF113" s="25"/>
    </row>
    <row r="114" spans="2:58" ht="21" customHeight="1" x14ac:dyDescent="0.15">
      <c r="B114" s="18"/>
      <c r="C114" s="79"/>
      <c r="D114" s="80"/>
      <c r="E114" s="80"/>
      <c r="F114" s="81"/>
      <c r="G114" s="79"/>
      <c r="H114" s="80"/>
      <c r="I114" s="80"/>
      <c r="J114" s="81"/>
      <c r="K114" s="79"/>
      <c r="L114" s="80"/>
      <c r="M114" s="80"/>
      <c r="N114" s="81"/>
      <c r="O114" s="88"/>
      <c r="P114" s="89"/>
      <c r="Q114" s="90"/>
      <c r="R114" s="88"/>
      <c r="S114" s="89"/>
      <c r="T114" s="90"/>
      <c r="U114" s="88"/>
      <c r="V114" s="89"/>
      <c r="W114" s="89"/>
      <c r="X114" s="89"/>
      <c r="Y114" s="89"/>
      <c r="Z114" s="90"/>
      <c r="AA114" s="73"/>
      <c r="AB114" s="74"/>
      <c r="AC114" s="74"/>
      <c r="AD114" s="74"/>
      <c r="AE114" s="74"/>
      <c r="AF114" s="74"/>
      <c r="AG114" s="75"/>
      <c r="AH114" s="73"/>
      <c r="AI114" s="74"/>
      <c r="AJ114" s="74"/>
      <c r="AK114" s="75"/>
      <c r="AL114" s="73"/>
      <c r="AM114" s="74"/>
      <c r="AN114" s="74"/>
      <c r="AO114" s="75"/>
      <c r="AP114" s="73"/>
      <c r="AQ114" s="74"/>
      <c r="AR114" s="75"/>
      <c r="AS114" s="73"/>
      <c r="AT114" s="74"/>
      <c r="AU114" s="75"/>
      <c r="AV114" s="73"/>
      <c r="AW114" s="74"/>
      <c r="AX114" s="74"/>
      <c r="AY114" s="75"/>
      <c r="AZ114" s="73"/>
      <c r="BA114" s="74"/>
      <c r="BB114" s="74"/>
      <c r="BC114" s="75"/>
      <c r="BE114" s="24"/>
      <c r="BF114" s="25"/>
    </row>
    <row r="115" spans="2:58" ht="21" customHeight="1" x14ac:dyDescent="0.15">
      <c r="B115" s="18"/>
      <c r="C115" s="85"/>
      <c r="D115" s="86"/>
      <c r="E115" s="86"/>
      <c r="F115" s="87"/>
      <c r="G115" s="85"/>
      <c r="H115" s="86"/>
      <c r="I115" s="86"/>
      <c r="J115" s="87"/>
      <c r="K115" s="85"/>
      <c r="L115" s="86"/>
      <c r="M115" s="86"/>
      <c r="N115" s="87"/>
      <c r="O115" s="91"/>
      <c r="P115" s="92"/>
      <c r="Q115" s="93"/>
      <c r="R115" s="91"/>
      <c r="S115" s="92"/>
      <c r="T115" s="93"/>
      <c r="U115" s="91"/>
      <c r="V115" s="92"/>
      <c r="W115" s="92"/>
      <c r="X115" s="92"/>
      <c r="Y115" s="92"/>
      <c r="Z115" s="93"/>
      <c r="AA115" s="76"/>
      <c r="AB115" s="77"/>
      <c r="AC115" s="77"/>
      <c r="AD115" s="77"/>
      <c r="AE115" s="77"/>
      <c r="AF115" s="77"/>
      <c r="AG115" s="78"/>
      <c r="AH115" s="76"/>
      <c r="AI115" s="77"/>
      <c r="AJ115" s="77"/>
      <c r="AK115" s="78"/>
      <c r="AL115" s="76"/>
      <c r="AM115" s="77"/>
      <c r="AN115" s="77"/>
      <c r="AO115" s="78"/>
      <c r="AP115" s="76"/>
      <c r="AQ115" s="77"/>
      <c r="AR115" s="78"/>
      <c r="AS115" s="76"/>
      <c r="AT115" s="77"/>
      <c r="AU115" s="78"/>
      <c r="AV115" s="76"/>
      <c r="AW115" s="77"/>
      <c r="AX115" s="77"/>
      <c r="AY115" s="78"/>
      <c r="AZ115" s="76"/>
      <c r="BA115" s="77"/>
      <c r="BB115" s="77"/>
      <c r="BC115" s="78"/>
      <c r="BE115" s="24"/>
      <c r="BF115" s="25"/>
    </row>
    <row r="116" spans="2:58" ht="21" customHeight="1" x14ac:dyDescent="0.15">
      <c r="B116" s="18"/>
      <c r="C116" s="79"/>
      <c r="D116" s="80"/>
      <c r="E116" s="80"/>
      <c r="F116" s="81"/>
      <c r="G116" s="79"/>
      <c r="H116" s="80"/>
      <c r="I116" s="80"/>
      <c r="J116" s="81"/>
      <c r="K116" s="79"/>
      <c r="L116" s="80"/>
      <c r="M116" s="80"/>
      <c r="N116" s="81"/>
      <c r="O116" s="88"/>
      <c r="P116" s="89"/>
      <c r="Q116" s="90"/>
      <c r="R116" s="88"/>
      <c r="S116" s="89"/>
      <c r="T116" s="90"/>
      <c r="U116" s="88"/>
      <c r="V116" s="89"/>
      <c r="W116" s="89"/>
      <c r="X116" s="89"/>
      <c r="Y116" s="89"/>
      <c r="Z116" s="90"/>
      <c r="AA116" s="73"/>
      <c r="AB116" s="74"/>
      <c r="AC116" s="74"/>
      <c r="AD116" s="74"/>
      <c r="AE116" s="74"/>
      <c r="AF116" s="74"/>
      <c r="AG116" s="75"/>
      <c r="AH116" s="73"/>
      <c r="AI116" s="74"/>
      <c r="AJ116" s="74"/>
      <c r="AK116" s="75"/>
      <c r="AL116" s="73"/>
      <c r="AM116" s="74"/>
      <c r="AN116" s="74"/>
      <c r="AO116" s="75"/>
      <c r="AP116" s="73"/>
      <c r="AQ116" s="74"/>
      <c r="AR116" s="75"/>
      <c r="AS116" s="73"/>
      <c r="AT116" s="74"/>
      <c r="AU116" s="75"/>
      <c r="AV116" s="73"/>
      <c r="AW116" s="74"/>
      <c r="AX116" s="74"/>
      <c r="AY116" s="75"/>
      <c r="AZ116" s="73"/>
      <c r="BA116" s="74"/>
      <c r="BB116" s="74"/>
      <c r="BC116" s="75"/>
      <c r="BE116" s="24"/>
      <c r="BF116" s="25"/>
    </row>
    <row r="117" spans="2:58" ht="21" customHeight="1" thickBot="1" x14ac:dyDescent="0.2">
      <c r="B117" s="18"/>
      <c r="C117" s="82"/>
      <c r="D117" s="83"/>
      <c r="E117" s="83"/>
      <c r="F117" s="84"/>
      <c r="G117" s="85"/>
      <c r="H117" s="86"/>
      <c r="I117" s="86"/>
      <c r="J117" s="87"/>
      <c r="K117" s="85"/>
      <c r="L117" s="86"/>
      <c r="M117" s="86"/>
      <c r="N117" s="87"/>
      <c r="O117" s="91"/>
      <c r="P117" s="92"/>
      <c r="Q117" s="93"/>
      <c r="R117" s="91"/>
      <c r="S117" s="92"/>
      <c r="T117" s="93"/>
      <c r="U117" s="94"/>
      <c r="V117" s="95"/>
      <c r="W117" s="95"/>
      <c r="X117" s="95"/>
      <c r="Y117" s="95"/>
      <c r="Z117" s="96"/>
      <c r="AA117" s="76"/>
      <c r="AB117" s="77"/>
      <c r="AC117" s="77"/>
      <c r="AD117" s="77"/>
      <c r="AE117" s="77"/>
      <c r="AF117" s="77"/>
      <c r="AG117" s="78"/>
      <c r="AH117" s="76"/>
      <c r="AI117" s="77"/>
      <c r="AJ117" s="77"/>
      <c r="AK117" s="78"/>
      <c r="AL117" s="76"/>
      <c r="AM117" s="77"/>
      <c r="AN117" s="77"/>
      <c r="AO117" s="78"/>
      <c r="AP117" s="76"/>
      <c r="AQ117" s="77"/>
      <c r="AR117" s="78"/>
      <c r="AS117" s="76"/>
      <c r="AT117" s="77"/>
      <c r="AU117" s="78"/>
      <c r="AV117" s="76"/>
      <c r="AW117" s="77"/>
      <c r="AX117" s="77"/>
      <c r="AY117" s="78"/>
      <c r="AZ117" s="76"/>
      <c r="BA117" s="77"/>
      <c r="BB117" s="77"/>
      <c r="BC117" s="78"/>
      <c r="BE117" s="24"/>
      <c r="BF117" s="25"/>
    </row>
    <row r="118" spans="2:58" ht="24.75" customHeight="1" thickTop="1" x14ac:dyDescent="0.15">
      <c r="B118" s="18"/>
      <c r="C118" s="32"/>
      <c r="D118" s="33"/>
      <c r="E118" s="33"/>
      <c r="F118" s="34"/>
      <c r="G118" s="32"/>
      <c r="H118" s="56"/>
      <c r="I118" s="56"/>
      <c r="J118" s="56"/>
      <c r="K118" s="55"/>
      <c r="L118" s="56"/>
      <c r="M118" s="56"/>
      <c r="N118" s="56"/>
      <c r="O118" s="55"/>
      <c r="P118" s="56"/>
      <c r="Q118" s="57"/>
      <c r="R118" s="55"/>
      <c r="S118" s="56"/>
      <c r="T118" s="57"/>
      <c r="U118" s="67"/>
      <c r="V118" s="68"/>
      <c r="W118" s="68"/>
      <c r="X118" s="68"/>
      <c r="Y118" s="68"/>
      <c r="Z118" s="69"/>
      <c r="AA118" s="55"/>
      <c r="AB118" s="56"/>
      <c r="AC118" s="56"/>
      <c r="AD118" s="56"/>
      <c r="AE118" s="56"/>
      <c r="AF118" s="56"/>
      <c r="AG118" s="57"/>
      <c r="AH118" s="55"/>
      <c r="AI118" s="56"/>
      <c r="AJ118" s="56"/>
      <c r="AK118" s="57"/>
      <c r="AL118" s="70"/>
      <c r="AM118" s="71"/>
      <c r="AN118" s="71"/>
      <c r="AO118" s="72"/>
      <c r="AP118" s="70"/>
      <c r="AQ118" s="71"/>
      <c r="AR118" s="72"/>
      <c r="AS118" s="70"/>
      <c r="AT118" s="71"/>
      <c r="AU118" s="72"/>
      <c r="AV118" s="70"/>
      <c r="AW118" s="71"/>
      <c r="AX118" s="71"/>
      <c r="AY118" s="72"/>
      <c r="AZ118" s="55"/>
      <c r="BA118" s="56"/>
      <c r="BB118" s="56"/>
      <c r="BC118" s="57"/>
      <c r="BE118" s="24"/>
      <c r="BF118" s="25"/>
    </row>
    <row r="119" spans="2:58" ht="10.5" customHeight="1" x14ac:dyDescent="0.15">
      <c r="B119" s="18"/>
      <c r="C119" s="47"/>
      <c r="D119" s="47"/>
      <c r="E119" s="47"/>
      <c r="F119" s="47"/>
      <c r="G119" s="47"/>
      <c r="H119" s="47"/>
      <c r="I119" s="47"/>
      <c r="J119" s="47"/>
      <c r="K119" s="47"/>
      <c r="L119" s="47"/>
      <c r="M119" s="47"/>
      <c r="N119" s="47"/>
      <c r="O119" s="47"/>
      <c r="P119" s="47"/>
      <c r="Q119" s="47"/>
      <c r="R119" s="47"/>
      <c r="S119" s="47"/>
      <c r="T119" s="47"/>
      <c r="U119" s="47"/>
      <c r="V119" s="47"/>
      <c r="W119" s="47"/>
      <c r="X119" s="47"/>
      <c r="Y119" s="47"/>
      <c r="Z119" s="47"/>
      <c r="AA119" s="47"/>
      <c r="AB119" s="48"/>
      <c r="AC119" s="48"/>
      <c r="AD119" s="48"/>
      <c r="AE119" s="48"/>
      <c r="AF119" s="48"/>
      <c r="AG119" s="48"/>
      <c r="AH119" s="48"/>
      <c r="AI119" s="48"/>
      <c r="AJ119" s="48"/>
      <c r="AK119" s="48"/>
      <c r="AL119" s="48"/>
      <c r="AM119" s="48"/>
      <c r="AN119" s="48"/>
      <c r="AO119" s="48"/>
      <c r="AP119" s="48"/>
      <c r="AQ119" s="48"/>
      <c r="AR119" s="48"/>
      <c r="AS119" s="48"/>
      <c r="AT119" s="48"/>
      <c r="AU119" s="48"/>
      <c r="AV119" s="49"/>
      <c r="AW119" s="49"/>
      <c r="AX119" s="49"/>
      <c r="AY119" s="49"/>
      <c r="AZ119" s="49"/>
      <c r="BA119" s="49"/>
      <c r="BB119" s="49"/>
      <c r="BC119" s="50"/>
      <c r="BD119" s="48"/>
      <c r="BE119" s="36"/>
      <c r="BF119" s="25"/>
    </row>
    <row r="120" spans="2:58" x14ac:dyDescent="0.15">
      <c r="B120" s="51"/>
      <c r="C120" s="51"/>
      <c r="D120" s="51"/>
      <c r="E120" s="51"/>
      <c r="F120" s="51"/>
      <c r="G120" s="51"/>
      <c r="H120" s="51"/>
      <c r="I120" s="51"/>
      <c r="J120" s="51"/>
      <c r="K120" s="51"/>
      <c r="L120" s="51"/>
      <c r="M120" s="51"/>
      <c r="N120" s="51"/>
      <c r="O120" s="51"/>
      <c r="P120" s="51"/>
      <c r="Q120" s="51"/>
      <c r="R120" s="51"/>
      <c r="S120" s="51"/>
      <c r="T120" s="51"/>
      <c r="U120" s="51"/>
      <c r="V120" s="51"/>
      <c r="W120" s="51"/>
      <c r="X120" s="51"/>
      <c r="Y120" s="51"/>
      <c r="Z120" s="51"/>
      <c r="AA120" s="51"/>
      <c r="AB120" s="51"/>
      <c r="AC120" s="51"/>
      <c r="AD120" s="51"/>
      <c r="AE120" s="51"/>
      <c r="AF120" s="51"/>
      <c r="AG120" s="51"/>
      <c r="AH120" s="51"/>
      <c r="AI120" s="51"/>
      <c r="AJ120" s="51"/>
      <c r="AK120" s="51"/>
      <c r="AL120" s="51"/>
      <c r="AM120" s="51"/>
      <c r="AN120" s="51"/>
      <c r="AO120" s="51"/>
      <c r="AP120" s="51"/>
      <c r="AQ120" s="51"/>
      <c r="AR120" s="51"/>
      <c r="AS120" s="51"/>
      <c r="AT120" s="51"/>
      <c r="AU120" s="51"/>
      <c r="AV120" s="51"/>
      <c r="AW120" s="51"/>
      <c r="AX120" s="51"/>
      <c r="AY120" s="51"/>
      <c r="AZ120" s="51"/>
      <c r="BA120" s="51"/>
      <c r="BB120" s="51"/>
      <c r="BC120" s="51"/>
      <c r="BD120" s="51"/>
      <c r="BE120" s="51"/>
    </row>
    <row r="200" spans="4:5" x14ac:dyDescent="0.15">
      <c r="D200" s="3"/>
      <c r="E200" s="3"/>
    </row>
    <row r="201" spans="4:5" x14ac:dyDescent="0.15">
      <c r="D201" s="3"/>
      <c r="E201" s="3"/>
    </row>
    <row r="215" spans="4:5" x14ac:dyDescent="0.15">
      <c r="D215" s="3"/>
      <c r="E215" s="3"/>
    </row>
    <row r="216" spans="4:5" x14ac:dyDescent="0.15">
      <c r="D216" s="3"/>
      <c r="E216" s="3"/>
    </row>
  </sheetData>
  <dataConsolidate/>
  <mergeCells count="415">
    <mergeCell ref="B3:BE3"/>
    <mergeCell ref="B5:F5"/>
    <mergeCell ref="G5:Y5"/>
    <mergeCell ref="B7:F7"/>
    <mergeCell ref="G7:M7"/>
    <mergeCell ref="N7:Q7"/>
    <mergeCell ref="R7:Y7"/>
    <mergeCell ref="AW17:AZ20"/>
    <mergeCell ref="BA17:BC20"/>
    <mergeCell ref="Y18:AA20"/>
    <mergeCell ref="AB18:AD20"/>
    <mergeCell ref="AE18:AG20"/>
    <mergeCell ref="AH18:AJ20"/>
    <mergeCell ref="BA16:BC16"/>
    <mergeCell ref="C17:H20"/>
    <mergeCell ref="I17:N20"/>
    <mergeCell ref="O17:R20"/>
    <mergeCell ref="S17:U20"/>
    <mergeCell ref="V17:X20"/>
    <mergeCell ref="Y17:AJ17"/>
    <mergeCell ref="AK17:AN20"/>
    <mergeCell ref="AO17:AR20"/>
    <mergeCell ref="AS17:AV20"/>
    <mergeCell ref="AO21:AR21"/>
    <mergeCell ref="AS21:AV21"/>
    <mergeCell ref="AW21:AZ21"/>
    <mergeCell ref="C22:H23"/>
    <mergeCell ref="I22:N22"/>
    <mergeCell ref="O22:R23"/>
    <mergeCell ref="S22:U23"/>
    <mergeCell ref="V22:X23"/>
    <mergeCell ref="Y22:AA23"/>
    <mergeCell ref="AB22:AD23"/>
    <mergeCell ref="V21:X21"/>
    <mergeCell ref="Y21:AA21"/>
    <mergeCell ref="AB21:AD21"/>
    <mergeCell ref="AE21:AG21"/>
    <mergeCell ref="AH21:AJ21"/>
    <mergeCell ref="AK21:AN21"/>
    <mergeCell ref="BA24:BC25"/>
    <mergeCell ref="BA22:BC23"/>
    <mergeCell ref="I23:N23"/>
    <mergeCell ref="C24:H25"/>
    <mergeCell ref="I24:N24"/>
    <mergeCell ref="O24:R25"/>
    <mergeCell ref="S24:U25"/>
    <mergeCell ref="V24:X25"/>
    <mergeCell ref="Y24:AA25"/>
    <mergeCell ref="AB24:AD25"/>
    <mergeCell ref="AE24:AG25"/>
    <mergeCell ref="AE22:AG23"/>
    <mergeCell ref="AH22:AJ23"/>
    <mergeCell ref="AK22:AN23"/>
    <mergeCell ref="AO22:AR23"/>
    <mergeCell ref="AS22:AV23"/>
    <mergeCell ref="AW22:AZ23"/>
    <mergeCell ref="I25:N25"/>
    <mergeCell ref="C26:H26"/>
    <mergeCell ref="I26:N26"/>
    <mergeCell ref="O26:R26"/>
    <mergeCell ref="S26:U26"/>
    <mergeCell ref="V26:X26"/>
    <mergeCell ref="AH24:AJ25"/>
    <mergeCell ref="AK24:AN25"/>
    <mergeCell ref="AO24:AR25"/>
    <mergeCell ref="AW26:AZ26"/>
    <mergeCell ref="AS24:AV25"/>
    <mergeCell ref="AW24:AZ25"/>
    <mergeCell ref="BA26:BC26"/>
    <mergeCell ref="BA30:BC30"/>
    <mergeCell ref="C31:F35"/>
    <mergeCell ref="G31:J35"/>
    <mergeCell ref="K31:N35"/>
    <mergeCell ref="O31:Q35"/>
    <mergeCell ref="R31:T35"/>
    <mergeCell ref="U31:Z35"/>
    <mergeCell ref="AA31:AG35"/>
    <mergeCell ref="Y26:AA26"/>
    <mergeCell ref="AB26:AD26"/>
    <mergeCell ref="AH26:AJ26"/>
    <mergeCell ref="AK26:AN26"/>
    <mergeCell ref="AO26:AR26"/>
    <mergeCell ref="AS26:AV26"/>
    <mergeCell ref="AH31:AK35"/>
    <mergeCell ref="AL31:AO35"/>
    <mergeCell ref="AP31:AR34"/>
    <mergeCell ref="AS31:AU34"/>
    <mergeCell ref="AV31:AY33"/>
    <mergeCell ref="AZ31:BC35"/>
    <mergeCell ref="AV34:AY35"/>
    <mergeCell ref="AP35:AR35"/>
    <mergeCell ref="AS35:AU35"/>
    <mergeCell ref="AZ36:BC37"/>
    <mergeCell ref="C38:F39"/>
    <mergeCell ref="G38:J39"/>
    <mergeCell ref="K38:N39"/>
    <mergeCell ref="O38:Q39"/>
    <mergeCell ref="R38:T39"/>
    <mergeCell ref="U38:Z39"/>
    <mergeCell ref="AA38:AG39"/>
    <mergeCell ref="AH38:AK39"/>
    <mergeCell ref="AL38:AO39"/>
    <mergeCell ref="AA36:AG37"/>
    <mergeCell ref="AH36:AK37"/>
    <mergeCell ref="AL36:AO37"/>
    <mergeCell ref="AP36:AR37"/>
    <mergeCell ref="AS36:AU37"/>
    <mergeCell ref="AV36:AY37"/>
    <mergeCell ref="C36:F37"/>
    <mergeCell ref="G36:J37"/>
    <mergeCell ref="K36:N37"/>
    <mergeCell ref="O36:Q37"/>
    <mergeCell ref="R36:T37"/>
    <mergeCell ref="U36:Z37"/>
    <mergeCell ref="AP38:AR39"/>
    <mergeCell ref="AS38:AU39"/>
    <mergeCell ref="AV38:AY39"/>
    <mergeCell ref="AZ38:BC39"/>
    <mergeCell ref="U40:Z40"/>
    <mergeCell ref="AL40:AO40"/>
    <mergeCell ref="AP40:AR40"/>
    <mergeCell ref="AS40:AU40"/>
    <mergeCell ref="AV40:AY40"/>
    <mergeCell ref="AP44:AR47"/>
    <mergeCell ref="AS44:AU47"/>
    <mergeCell ref="AV44:AY46"/>
    <mergeCell ref="AZ44:BC48"/>
    <mergeCell ref="AV47:AY48"/>
    <mergeCell ref="AP48:AR48"/>
    <mergeCell ref="AS48:AU48"/>
    <mergeCell ref="BA43:BC43"/>
    <mergeCell ref="C44:F48"/>
    <mergeCell ref="G44:J48"/>
    <mergeCell ref="K44:N48"/>
    <mergeCell ref="O44:Q48"/>
    <mergeCell ref="R44:T48"/>
    <mergeCell ref="U44:Z48"/>
    <mergeCell ref="AA44:AG48"/>
    <mergeCell ref="AH44:AK48"/>
    <mergeCell ref="AL44:AO48"/>
    <mergeCell ref="AZ49:BC50"/>
    <mergeCell ref="C51:F52"/>
    <mergeCell ref="G51:J52"/>
    <mergeCell ref="K51:N52"/>
    <mergeCell ref="O51:Q52"/>
    <mergeCell ref="R51:T52"/>
    <mergeCell ref="U51:Z52"/>
    <mergeCell ref="AA51:AG52"/>
    <mergeCell ref="AH51:AK52"/>
    <mergeCell ref="AL51:AO52"/>
    <mergeCell ref="AA49:AG50"/>
    <mergeCell ref="AH49:AK50"/>
    <mergeCell ref="AL49:AO50"/>
    <mergeCell ref="AP49:AR50"/>
    <mergeCell ref="AS49:AU50"/>
    <mergeCell ref="AV49:AY50"/>
    <mergeCell ref="C49:F50"/>
    <mergeCell ref="G49:J50"/>
    <mergeCell ref="K49:N50"/>
    <mergeCell ref="O49:Q50"/>
    <mergeCell ref="R49:T50"/>
    <mergeCell ref="U49:Z50"/>
    <mergeCell ref="AP51:AR52"/>
    <mergeCell ref="AS51:AU52"/>
    <mergeCell ref="AV51:AY52"/>
    <mergeCell ref="AZ51:BC52"/>
    <mergeCell ref="U53:Z53"/>
    <mergeCell ref="AL53:AO53"/>
    <mergeCell ref="AP53:AR53"/>
    <mergeCell ref="AS53:AU53"/>
    <mergeCell ref="AV53:AY53"/>
    <mergeCell ref="AP57:AR60"/>
    <mergeCell ref="AS57:AU60"/>
    <mergeCell ref="AV57:AY59"/>
    <mergeCell ref="AZ57:BC61"/>
    <mergeCell ref="AV60:AY61"/>
    <mergeCell ref="AP61:AR61"/>
    <mergeCell ref="AS61:AU61"/>
    <mergeCell ref="BA56:BC56"/>
    <mergeCell ref="C57:F61"/>
    <mergeCell ref="G57:J61"/>
    <mergeCell ref="K57:N61"/>
    <mergeCell ref="O57:Q61"/>
    <mergeCell ref="R57:T61"/>
    <mergeCell ref="U57:Z61"/>
    <mergeCell ref="AA57:AG61"/>
    <mergeCell ref="AH57:AK61"/>
    <mergeCell ref="AL57:AO61"/>
    <mergeCell ref="AZ62:BC63"/>
    <mergeCell ref="C64:F65"/>
    <mergeCell ref="G64:J65"/>
    <mergeCell ref="K64:N65"/>
    <mergeCell ref="O64:Q65"/>
    <mergeCell ref="R64:T65"/>
    <mergeCell ref="U64:Z65"/>
    <mergeCell ref="AA64:AG65"/>
    <mergeCell ref="AH64:AK65"/>
    <mergeCell ref="AL64:AO65"/>
    <mergeCell ref="AA62:AG63"/>
    <mergeCell ref="AH62:AK63"/>
    <mergeCell ref="AL62:AO63"/>
    <mergeCell ref="AP62:AR63"/>
    <mergeCell ref="AS62:AU63"/>
    <mergeCell ref="AV62:AY63"/>
    <mergeCell ref="C62:F63"/>
    <mergeCell ref="G62:J63"/>
    <mergeCell ref="K62:N63"/>
    <mergeCell ref="O62:Q63"/>
    <mergeCell ref="R62:T63"/>
    <mergeCell ref="U62:Z63"/>
    <mergeCell ref="AP64:AR65"/>
    <mergeCell ref="AS64:AU65"/>
    <mergeCell ref="AV64:AY65"/>
    <mergeCell ref="AZ64:BC65"/>
    <mergeCell ref="U66:Z66"/>
    <mergeCell ref="AL66:AO66"/>
    <mergeCell ref="AP66:AR66"/>
    <mergeCell ref="AS66:AU66"/>
    <mergeCell ref="AV66:AY66"/>
    <mergeCell ref="AP70:AR73"/>
    <mergeCell ref="AS70:AU73"/>
    <mergeCell ref="AV70:AY72"/>
    <mergeCell ref="AZ70:BC74"/>
    <mergeCell ref="AV73:AY74"/>
    <mergeCell ref="AP74:AR74"/>
    <mergeCell ref="AS74:AU74"/>
    <mergeCell ref="BA69:BC69"/>
    <mergeCell ref="C70:F74"/>
    <mergeCell ref="G70:J74"/>
    <mergeCell ref="K70:N74"/>
    <mergeCell ref="O70:Q74"/>
    <mergeCell ref="R70:T74"/>
    <mergeCell ref="U70:Z74"/>
    <mergeCell ref="AA70:AG74"/>
    <mergeCell ref="AH70:AK74"/>
    <mergeCell ref="AL70:AO74"/>
    <mergeCell ref="AZ75:BC76"/>
    <mergeCell ref="C77:F78"/>
    <mergeCell ref="G77:J78"/>
    <mergeCell ref="K77:N78"/>
    <mergeCell ref="O77:Q78"/>
    <mergeCell ref="R77:T78"/>
    <mergeCell ref="U77:Z78"/>
    <mergeCell ref="AA77:AG78"/>
    <mergeCell ref="AH77:AK78"/>
    <mergeCell ref="AL77:AO78"/>
    <mergeCell ref="AA75:AG76"/>
    <mergeCell ref="AH75:AK76"/>
    <mergeCell ref="AL75:AO76"/>
    <mergeCell ref="AP75:AR76"/>
    <mergeCell ref="AS75:AU76"/>
    <mergeCell ref="AV75:AY76"/>
    <mergeCell ref="C75:F76"/>
    <mergeCell ref="G75:J76"/>
    <mergeCell ref="K75:N76"/>
    <mergeCell ref="O75:Q76"/>
    <mergeCell ref="R75:T76"/>
    <mergeCell ref="U75:Z76"/>
    <mergeCell ref="AP77:AR78"/>
    <mergeCell ref="AS77:AU78"/>
    <mergeCell ref="AV77:AY78"/>
    <mergeCell ref="AZ77:BC78"/>
    <mergeCell ref="U79:Z79"/>
    <mergeCell ref="AL79:AO79"/>
    <mergeCell ref="AP79:AR79"/>
    <mergeCell ref="AS79:AU79"/>
    <mergeCell ref="AV79:AY79"/>
    <mergeCell ref="AP83:AR86"/>
    <mergeCell ref="AS83:AU86"/>
    <mergeCell ref="AV83:AY85"/>
    <mergeCell ref="AZ83:BC87"/>
    <mergeCell ref="AV86:AY87"/>
    <mergeCell ref="AP87:AR87"/>
    <mergeCell ref="AS87:AU87"/>
    <mergeCell ref="BA82:BC82"/>
    <mergeCell ref="C83:F87"/>
    <mergeCell ref="G83:J87"/>
    <mergeCell ref="K83:N87"/>
    <mergeCell ref="O83:Q87"/>
    <mergeCell ref="R83:T87"/>
    <mergeCell ref="U83:Z87"/>
    <mergeCell ref="AA83:AG87"/>
    <mergeCell ref="AH83:AK87"/>
    <mergeCell ref="AL83:AO87"/>
    <mergeCell ref="AZ88:BC89"/>
    <mergeCell ref="C90:F91"/>
    <mergeCell ref="G90:J91"/>
    <mergeCell ref="K90:N91"/>
    <mergeCell ref="O90:Q91"/>
    <mergeCell ref="R90:T91"/>
    <mergeCell ref="U90:Z91"/>
    <mergeCell ref="AA90:AG91"/>
    <mergeCell ref="AH90:AK91"/>
    <mergeCell ref="AL90:AO91"/>
    <mergeCell ref="AA88:AG89"/>
    <mergeCell ref="AH88:AK89"/>
    <mergeCell ref="AL88:AO89"/>
    <mergeCell ref="AP88:AR89"/>
    <mergeCell ref="AS88:AU89"/>
    <mergeCell ref="AV88:AY89"/>
    <mergeCell ref="C88:F89"/>
    <mergeCell ref="G88:J89"/>
    <mergeCell ref="K88:N89"/>
    <mergeCell ref="O88:Q89"/>
    <mergeCell ref="R88:T89"/>
    <mergeCell ref="U88:Z89"/>
    <mergeCell ref="AP90:AR91"/>
    <mergeCell ref="AS90:AU91"/>
    <mergeCell ref="AV90:AY91"/>
    <mergeCell ref="AZ90:BC91"/>
    <mergeCell ref="U92:Z92"/>
    <mergeCell ref="AA92:AG92"/>
    <mergeCell ref="AL92:AO92"/>
    <mergeCell ref="AP92:AR92"/>
    <mergeCell ref="AS92:AU92"/>
    <mergeCell ref="AV92:AY92"/>
    <mergeCell ref="AW96:AZ98"/>
    <mergeCell ref="BA96:BC99"/>
    <mergeCell ref="AW99:AZ100"/>
    <mergeCell ref="S100:W100"/>
    <mergeCell ref="AM100:AP100"/>
    <mergeCell ref="AQ100:AS100"/>
    <mergeCell ref="AT100:AV100"/>
    <mergeCell ref="BA95:BC95"/>
    <mergeCell ref="C96:H99"/>
    <mergeCell ref="I96:N99"/>
    <mergeCell ref="O96:R99"/>
    <mergeCell ref="S96:W99"/>
    <mergeCell ref="X96:AH100"/>
    <mergeCell ref="AI96:AL100"/>
    <mergeCell ref="AM96:AP99"/>
    <mergeCell ref="AQ96:AS99"/>
    <mergeCell ref="AT96:AV99"/>
    <mergeCell ref="AM101:AP102"/>
    <mergeCell ref="AQ101:AS102"/>
    <mergeCell ref="AT101:AV102"/>
    <mergeCell ref="AW101:AZ102"/>
    <mergeCell ref="BA101:BC102"/>
    <mergeCell ref="I102:N102"/>
    <mergeCell ref="C101:H102"/>
    <mergeCell ref="I101:N101"/>
    <mergeCell ref="O101:R102"/>
    <mergeCell ref="S101:W102"/>
    <mergeCell ref="X101:AH102"/>
    <mergeCell ref="AI101:AL102"/>
    <mergeCell ref="AM103:AP104"/>
    <mergeCell ref="AQ103:AS104"/>
    <mergeCell ref="AT103:AV104"/>
    <mergeCell ref="AW103:AZ104"/>
    <mergeCell ref="BA103:BC104"/>
    <mergeCell ref="I104:N104"/>
    <mergeCell ref="C103:H104"/>
    <mergeCell ref="I103:N103"/>
    <mergeCell ref="O103:R104"/>
    <mergeCell ref="S103:W104"/>
    <mergeCell ref="X103:AH104"/>
    <mergeCell ref="AI103:AL104"/>
    <mergeCell ref="AQ105:AS105"/>
    <mergeCell ref="AT105:AV105"/>
    <mergeCell ref="AW105:AZ105"/>
    <mergeCell ref="BA105:BC105"/>
    <mergeCell ref="BA108:BC108"/>
    <mergeCell ref="C109:F113"/>
    <mergeCell ref="G109:J113"/>
    <mergeCell ref="K109:N113"/>
    <mergeCell ref="O109:Q113"/>
    <mergeCell ref="R109:T113"/>
    <mergeCell ref="C105:H105"/>
    <mergeCell ref="I105:N105"/>
    <mergeCell ref="O105:R105"/>
    <mergeCell ref="S105:W105"/>
    <mergeCell ref="X105:AH105"/>
    <mergeCell ref="AM105:AP105"/>
    <mergeCell ref="AV109:AY111"/>
    <mergeCell ref="AZ109:BC113"/>
    <mergeCell ref="AV112:AY113"/>
    <mergeCell ref="AP113:AR113"/>
    <mergeCell ref="AS113:AU113"/>
    <mergeCell ref="AP109:AR112"/>
    <mergeCell ref="AS109:AU112"/>
    <mergeCell ref="AV116:AY117"/>
    <mergeCell ref="AZ116:BC117"/>
    <mergeCell ref="C114:F115"/>
    <mergeCell ref="G114:J115"/>
    <mergeCell ref="K114:N115"/>
    <mergeCell ref="O114:Q115"/>
    <mergeCell ref="R114:T115"/>
    <mergeCell ref="U109:Z113"/>
    <mergeCell ref="AA109:AG113"/>
    <mergeCell ref="AH109:AK113"/>
    <mergeCell ref="AL109:AO113"/>
    <mergeCell ref="U118:Z118"/>
    <mergeCell ref="AL118:AO118"/>
    <mergeCell ref="AP118:AR118"/>
    <mergeCell ref="AS118:AU118"/>
    <mergeCell ref="AV118:AY118"/>
    <mergeCell ref="AV114:AY115"/>
    <mergeCell ref="AZ114:BC115"/>
    <mergeCell ref="C116:F117"/>
    <mergeCell ref="G116:J117"/>
    <mergeCell ref="K116:N117"/>
    <mergeCell ref="O116:Q117"/>
    <mergeCell ref="R116:T117"/>
    <mergeCell ref="U116:Z117"/>
    <mergeCell ref="AA116:AG117"/>
    <mergeCell ref="AH116:AK117"/>
    <mergeCell ref="U114:Z115"/>
    <mergeCell ref="AA114:AG115"/>
    <mergeCell ref="AH114:AK115"/>
    <mergeCell ref="AL114:AO115"/>
    <mergeCell ref="AP114:AR115"/>
    <mergeCell ref="AS114:AU115"/>
    <mergeCell ref="AL116:AO117"/>
    <mergeCell ref="AP116:AR117"/>
    <mergeCell ref="AS116:AU117"/>
  </mergeCells>
  <phoneticPr fontId="2"/>
  <dataValidations count="11">
    <dataValidation type="list" allowBlank="1" showInputMessage="1" showErrorMessage="1" errorTitle="ドロップダウンリストより選択してください" promptTitle="ドロップダウンリストより選択してください" prompt="ドロップダウンリストより施設の種類に応じて補助単価7，580（千円）、7，730（千円）、15，120（千円）、15，400（千円）を選択してください" sqref="AS49:AU50" xr:uid="{1FCC448A-FD2A-45C9-92A7-C44675F1550D}">
      <formula1>"7，580,15，120,7，730,15，400"</formula1>
    </dataValidation>
    <dataValidation type="list" allowBlank="1" showInputMessage="1" showErrorMessage="1" errorTitle="ドロップダウンリストより選択してください" promptTitle="ドロップダウンリストより選択してください" prompt="ドロップダウンリストより施設の種類に応じて補助単価7，370（千円）又は14，700（千円）を選択してください" sqref="AS51:AU52" xr:uid="{0A193D32-E8CF-49C4-A0CA-3C851CC2C870}">
      <formula1>"7，580,15，120,7，730,15，400"</formula1>
    </dataValidation>
    <dataValidation allowBlank="1" showInputMessage="1" showErrorMessage="1" promptTitle="千円単位で記載してください" prompt="小数点以下は切り捨て" sqref="AV88:AY91 AV36:AY39 AW101:AZ104 AV49:AY52 AV114:AY117 AV62:AY65 AV75:AY78" xr:uid="{A005782C-3B1E-4E13-97E8-A15012F153B4}"/>
    <dataValidation allowBlank="1" showInputMessage="1" showErrorMessage="1" promptTitle="年月日を記載してください" prompt="書式設定を変更せずに、年月日を記載してください" sqref="R38 O38 U38 R36 O36 U36 R51 O51 U51 R49 O49 U49 O101:R104 R90 O90 R88 O88:Q89 U90 U88 R116 O116 U116 R114 O114 U114 R64 O64 U64 R62 O62 U62 R77 O77 U77 R75 O75 U75" xr:uid="{92376FC0-DDB5-4E6E-9061-E617D588D818}"/>
    <dataValidation allowBlank="1" showInputMessage="1" prompt="実施要綱別表に記載する単価の範囲内で必要な金額を入力してください" sqref="AB22:AD25 AE24 AE22 AH22:AJ25" xr:uid="{EE7B750F-EBFA-412B-9651-770456E64E7C}"/>
    <dataValidation allowBlank="1" showInputMessage="1" prompt="小数点以下は切り捨ててください" sqref="AW22:AZ25" xr:uid="{DB7B557A-5914-43DB-A37B-847158A5C238}"/>
    <dataValidation allowBlank="1" showInputMessage="1" prompt="面積の小数点以下は四捨五入してください" sqref="V22:X25" xr:uid="{9630E77A-655B-4CFB-BF2C-E0796DB04A36}"/>
    <dataValidation type="list" showInputMessage="1" showErrorMessage="1" errorTitle="ドロップダウンリストより選択してください" promptTitle="ドロップダウンリストより選択してください" prompt="ドロップダウンより「有」又は「無」を選択してください" sqref="AK22:AN25" xr:uid="{896A3E61-5BA5-4E5B-8844-1807D3F2F28E}">
      <formula1>"有,無"</formula1>
    </dataValidation>
    <dataValidation type="list" showInputMessage="1" showErrorMessage="1" errorTitle="ドロップダウンより選択してください" promptTitle="ドロップダウンより選択してください" prompt="ドロップダウンより「有」又は「無」を選択してください" sqref="AI101:AL104 AH49:AK52 AH36:AK39 AH88:AK91 AH114:AK117 AH62:AK65 AH75:AK78" xr:uid="{C515C7F3-B0E2-471B-9DFA-5C05B4174875}">
      <formula1>"有,無"</formula1>
    </dataValidation>
    <dataValidation allowBlank="1" showInputMessage="1" showErrorMessage="1" promptTitle="総事業費の1/2" prompt="総事業費の1/2を千円単位で入力してください" sqref="AT101:AV104 AS88:AU91" xr:uid="{5EEB92FD-DCC3-41E2-AF77-250CAC857EC2}"/>
    <dataValidation allowBlank="1" showInputMessage="1" showErrorMessage="1" promptTitle="千円単位" prompt="千円単位で記載してください" sqref="AM101:AS104 AL36:AR39 AP88:AR91 AL88 AL90 AL114:AR117 AL62:AR65 AL49:AR52 AL75:AR78" xr:uid="{0B2FE57E-039D-4698-84F6-40DB00207D01}"/>
  </dataValidations>
  <printOptions horizontalCentered="1"/>
  <pageMargins left="0.23622047244094491" right="0.23622047244094491" top="0.19685039370078741" bottom="0.19685039370078741" header="0.31496062992125984" footer="0.31496062992125984"/>
  <pageSetup paperSize="9" scale="68" fitToHeight="0" orientation="portrait" r:id="rId1"/>
  <headerFooter alignWithMargins="0"/>
  <rowBreaks count="1" manualBreakCount="1">
    <brk id="66" max="57" man="1"/>
  </rowBreaks>
  <extLst>
    <ext xmlns:x14="http://schemas.microsoft.com/office/spreadsheetml/2009/9/main" uri="{CCE6A557-97BC-4b89-ADB6-D9C93CAAB3DF}">
      <x14:dataValidations xmlns:xm="http://schemas.microsoft.com/office/excel/2006/main" count="6">
        <x14:dataValidation type="list" allowBlank="1" showInputMessage="1" promptTitle="ドロップダウンリストより選択してください" prompt="ドロップダウンリストにない場合は、直接入力してください" xr:uid="{0D152198-5284-422E-8CF2-BDDC2E11DDDD}">
          <x14:formula1>
            <xm:f>'（参考）対象施設【市町村計画】'!$B$5:$B$12</xm:f>
          </x14:formula1>
          <xm:sqref>C22:H25</xm:sqref>
        </x14:dataValidation>
        <x14:dataValidation type="list" allowBlank="1" showInputMessage="1" showErrorMessage="1" promptTitle="ドロップダウンリストより選択してください。" prompt="ドロップダウンリストより選択してください。リストにない場合は、直接入力してください" xr:uid="{0EA6E8F2-6BFD-4D8A-A875-860939CCE8F3}">
          <x14:formula1>
            <xm:f>'（参考）対象施設【市町村計画】'!$B$81:$B$92</xm:f>
          </x14:formula1>
          <xm:sqref>C114:F117</xm:sqref>
        </x14:dataValidation>
        <x14:dataValidation type="list" allowBlank="1" showInputMessage="1" showErrorMessage="1" promptTitle="ドロップダウンリストより選択してください。" prompt="ドロップダウンリストより選択してください。リストにない場合は、直接入力してください" xr:uid="{EA11189E-5F7D-455D-8A04-B3FF81320E37}">
          <x14:formula1>
            <xm:f>'（参考）対象施設【市町村計画】'!$B$57:$B$76</xm:f>
          </x14:formula1>
          <xm:sqref>C101:H104</xm:sqref>
        </x14:dataValidation>
        <x14:dataValidation type="list" allowBlank="1" showInputMessage="1" showErrorMessage="1" promptTitle="ドロップダウンリストより選択してください。" prompt="ドロップダウンリストより選択してください。リストにない場合は、直接入力してください" xr:uid="{6A08DB04-8383-4309-8D1A-D11CECDC4C8B}">
          <x14:formula1>
            <xm:f>'（参考）対象施設【市町村計画】'!$B$17:$B$32</xm:f>
          </x14:formula1>
          <xm:sqref>C36:F39 C49:F52 C62:F65 C75:F78</xm:sqref>
        </x14:dataValidation>
        <x14:dataValidation type="list" allowBlank="1" showInputMessage="1" showErrorMessage="1" xr:uid="{12C9B447-F835-4220-9985-D6B19351DB73}">
          <x14:formula1>
            <xm:f>'（参考）対象施設【市町村計画】'!$B$37:$B$52</xm:f>
          </x14:formula1>
          <xm:sqref>C88:F91</xm:sqref>
        </x14:dataValidation>
        <x14:dataValidation type="list" allowBlank="1" showInputMessage="1" showErrorMessage="1" prompt="施設種別に応じて単価を選択してください" xr:uid="{F9C0614E-438E-4886-8FE7-A932E45AF668}">
          <x14:formula1>
            <xm:f>'（参考）対象施設【市町村計画】'!$F$17:$F$21</xm:f>
          </x14:formula1>
          <xm:sqref>AS36:AU39 AS62:AU65 AS75:AU78</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4199B13-2167-4824-BF38-65D05291A0AC}">
  <sheetPr>
    <tabColor rgb="FF00B050"/>
    <pageSetUpPr fitToPage="1"/>
  </sheetPr>
  <dimension ref="B1:BL215"/>
  <sheetViews>
    <sheetView showGridLines="0" tabSelected="1" topLeftCell="A25" zoomScale="80" zoomScaleNormal="80" zoomScaleSheetLayoutView="80" workbookViewId="0">
      <selection activeCell="BJ36" sqref="BJ36"/>
    </sheetView>
  </sheetViews>
  <sheetFormatPr defaultColWidth="9" defaultRowHeight="13.5" x14ac:dyDescent="0.15"/>
  <cols>
    <col min="1" max="1" width="4" style="1" customWidth="1"/>
    <col min="2" max="2" width="2.25" style="1" customWidth="1"/>
    <col min="3" max="5" width="2.75" style="1" customWidth="1"/>
    <col min="6" max="6" width="2.125" style="1" customWidth="1"/>
    <col min="7" max="7" width="3.875" style="1" customWidth="1"/>
    <col min="8" max="18" width="2.75" style="1" customWidth="1"/>
    <col min="19" max="24" width="2.625" style="1" customWidth="1"/>
    <col min="25" max="36" width="2.75" style="1" customWidth="1"/>
    <col min="37" max="40" width="1.75" style="1" customWidth="1"/>
    <col min="41" max="52" width="2.375" style="1" customWidth="1"/>
    <col min="53" max="55" width="2.75" style="1" customWidth="1"/>
    <col min="56" max="56" width="1.75" style="1" customWidth="1"/>
    <col min="57" max="57" width="1" style="1" customWidth="1"/>
    <col min="58" max="58" width="2.375" style="1" customWidth="1"/>
    <col min="59" max="16384" width="9" style="1"/>
  </cols>
  <sheetData>
    <row r="1" spans="2:64" ht="5.25" customHeight="1" x14ac:dyDescent="0.15"/>
    <row r="2" spans="2:64" x14ac:dyDescent="0.15">
      <c r="B2" s="2"/>
      <c r="C2" s="3"/>
      <c r="D2" s="3"/>
      <c r="E2" s="3"/>
      <c r="F2" s="3"/>
      <c r="G2" s="3"/>
      <c r="H2" s="3"/>
      <c r="I2" s="3"/>
      <c r="J2" s="3"/>
      <c r="K2" s="3"/>
      <c r="L2" s="3"/>
      <c r="M2" s="3"/>
      <c r="N2" s="3"/>
      <c r="O2" s="3"/>
      <c r="P2" s="3"/>
      <c r="Q2" s="3"/>
      <c r="R2" s="3"/>
      <c r="S2" s="3"/>
      <c r="T2" s="3"/>
      <c r="U2" s="3"/>
      <c r="V2" s="3"/>
      <c r="W2" s="3"/>
      <c r="X2" s="3"/>
      <c r="Y2" s="3"/>
      <c r="Z2" s="3"/>
      <c r="AA2" s="3"/>
      <c r="AB2" s="3"/>
      <c r="AC2" s="3"/>
      <c r="AD2" s="3"/>
      <c r="AE2" s="3"/>
      <c r="AF2" s="3"/>
      <c r="AG2" s="3"/>
      <c r="AH2" s="3"/>
      <c r="AI2" s="3"/>
      <c r="AJ2" s="3"/>
      <c r="AK2" s="3"/>
      <c r="AL2" s="3"/>
      <c r="AM2" s="3"/>
      <c r="AN2" s="3"/>
      <c r="AO2" s="3"/>
      <c r="AP2" s="3"/>
      <c r="AQ2" s="3"/>
      <c r="AR2" s="3"/>
      <c r="AS2" s="3"/>
      <c r="AT2" s="3"/>
      <c r="AU2" s="3"/>
      <c r="AV2" s="3"/>
      <c r="AW2" s="3"/>
      <c r="AX2" s="3"/>
      <c r="AY2" s="3"/>
      <c r="AZ2" s="3"/>
      <c r="BA2" s="3"/>
      <c r="BB2" s="3"/>
      <c r="BC2" s="4" t="s">
        <v>59</v>
      </c>
      <c r="BD2" s="3"/>
      <c r="BE2" s="3"/>
    </row>
    <row r="3" spans="2:64" ht="23.25" customHeight="1" x14ac:dyDescent="0.15">
      <c r="B3" s="283" t="s">
        <v>58</v>
      </c>
      <c r="C3" s="283"/>
      <c r="D3" s="283"/>
      <c r="E3" s="283"/>
      <c r="F3" s="283"/>
      <c r="G3" s="283"/>
      <c r="H3" s="283"/>
      <c r="I3" s="283"/>
      <c r="J3" s="283"/>
      <c r="K3" s="283"/>
      <c r="L3" s="283"/>
      <c r="M3" s="283"/>
      <c r="N3" s="283"/>
      <c r="O3" s="283"/>
      <c r="P3" s="283"/>
      <c r="Q3" s="283"/>
      <c r="R3" s="283"/>
      <c r="S3" s="283"/>
      <c r="T3" s="283"/>
      <c r="U3" s="283"/>
      <c r="V3" s="283"/>
      <c r="W3" s="283"/>
      <c r="X3" s="283"/>
      <c r="Y3" s="283"/>
      <c r="Z3" s="283"/>
      <c r="AA3" s="283"/>
      <c r="AB3" s="283"/>
      <c r="AC3" s="283"/>
      <c r="AD3" s="283"/>
      <c r="AE3" s="283"/>
      <c r="AF3" s="283"/>
      <c r="AG3" s="283"/>
      <c r="AH3" s="283"/>
      <c r="AI3" s="283"/>
      <c r="AJ3" s="283"/>
      <c r="AK3" s="283"/>
      <c r="AL3" s="283"/>
      <c r="AM3" s="283"/>
      <c r="AN3" s="283"/>
      <c r="AO3" s="283"/>
      <c r="AP3" s="283"/>
      <c r="AQ3" s="283"/>
      <c r="AR3" s="283"/>
      <c r="AS3" s="283"/>
      <c r="AT3" s="283"/>
      <c r="AU3" s="283"/>
      <c r="AV3" s="283"/>
      <c r="AW3" s="283"/>
      <c r="AX3" s="283"/>
      <c r="AY3" s="283"/>
      <c r="AZ3" s="283"/>
      <c r="BA3" s="283"/>
      <c r="BB3" s="283"/>
      <c r="BC3" s="283"/>
      <c r="BD3" s="283"/>
      <c r="BE3" s="283"/>
    </row>
    <row r="4" spans="2:64" ht="24" customHeight="1" x14ac:dyDescent="0.15">
      <c r="B4" s="3"/>
      <c r="C4" s="3"/>
      <c r="D4" s="3"/>
      <c r="E4" s="3"/>
      <c r="F4" s="3"/>
      <c r="G4" s="3"/>
      <c r="H4" s="3"/>
      <c r="I4" s="3"/>
      <c r="J4" s="3"/>
      <c r="K4" s="3"/>
      <c r="L4" s="3"/>
      <c r="M4" s="3"/>
      <c r="N4" s="3"/>
      <c r="O4" s="3"/>
      <c r="P4" s="3"/>
      <c r="Q4" s="3"/>
      <c r="R4" s="3"/>
      <c r="S4" s="3"/>
      <c r="T4" s="3"/>
      <c r="U4" s="3"/>
      <c r="V4" s="3"/>
      <c r="W4" s="3"/>
      <c r="X4" s="3"/>
      <c r="Y4" s="3"/>
      <c r="Z4" s="3"/>
      <c r="AA4" s="3"/>
      <c r="AB4" s="3"/>
      <c r="AC4" s="3"/>
      <c r="AD4" s="3"/>
      <c r="AE4" s="3"/>
      <c r="AF4" s="3"/>
      <c r="AG4" s="3"/>
      <c r="AH4" s="3"/>
      <c r="AI4" s="3"/>
      <c r="AJ4" s="3"/>
      <c r="AK4" s="3"/>
      <c r="AL4" s="3"/>
      <c r="AM4" s="3"/>
      <c r="AN4" s="3"/>
      <c r="AO4" s="3"/>
      <c r="AP4" s="3"/>
      <c r="AQ4" s="3"/>
      <c r="AR4" s="3"/>
      <c r="AS4" s="3"/>
      <c r="AT4" s="3"/>
      <c r="AU4" s="3"/>
      <c r="AV4" s="3"/>
      <c r="AW4" s="3"/>
      <c r="AX4" s="3"/>
      <c r="AY4" s="3"/>
      <c r="AZ4" s="3"/>
      <c r="BA4" s="3"/>
      <c r="BB4" s="3"/>
      <c r="BC4" s="3"/>
      <c r="BD4" s="3"/>
      <c r="BE4" s="3"/>
    </row>
    <row r="5" spans="2:64" s="6" customFormat="1" ht="24.95" customHeight="1" x14ac:dyDescent="0.15">
      <c r="B5" s="284" t="s">
        <v>1</v>
      </c>
      <c r="C5" s="285"/>
      <c r="D5" s="285"/>
      <c r="E5" s="285"/>
      <c r="F5" s="286"/>
      <c r="G5" s="284"/>
      <c r="H5" s="285"/>
      <c r="I5" s="285"/>
      <c r="J5" s="285"/>
      <c r="K5" s="285"/>
      <c r="L5" s="285"/>
      <c r="M5" s="285"/>
      <c r="N5" s="285"/>
      <c r="O5" s="285"/>
      <c r="P5" s="285"/>
      <c r="Q5" s="285"/>
      <c r="R5" s="285"/>
      <c r="S5" s="285"/>
      <c r="T5" s="285"/>
      <c r="U5" s="285"/>
      <c r="V5" s="285"/>
      <c r="W5" s="285"/>
      <c r="X5" s="285"/>
      <c r="Y5" s="286"/>
      <c r="Z5" s="5"/>
      <c r="AA5" s="5"/>
      <c r="AB5" s="5"/>
      <c r="AC5" s="5"/>
      <c r="AD5" s="5"/>
      <c r="AE5" s="5"/>
      <c r="AF5" s="5"/>
      <c r="AG5" s="5"/>
      <c r="AH5" s="5"/>
      <c r="AI5" s="5"/>
      <c r="AJ5" s="5"/>
      <c r="AK5" s="5"/>
      <c r="AL5" s="5"/>
      <c r="AM5" s="5"/>
      <c r="AN5" s="5"/>
      <c r="AO5" s="5"/>
      <c r="AP5" s="5"/>
      <c r="AQ5" s="5"/>
      <c r="AR5" s="5"/>
      <c r="AS5" s="5"/>
      <c r="AT5" s="5"/>
      <c r="AU5" s="5"/>
      <c r="AV5" s="5"/>
      <c r="AW5" s="5"/>
      <c r="AX5" s="5"/>
      <c r="AY5" s="5"/>
      <c r="AZ5" s="5"/>
      <c r="BA5" s="5"/>
      <c r="BB5" s="5"/>
      <c r="BC5" s="5"/>
      <c r="BD5" s="5"/>
      <c r="BE5" s="5"/>
    </row>
    <row r="6" spans="2:64" s="6" customFormat="1" ht="9" customHeight="1" x14ac:dyDescent="0.15">
      <c r="B6" s="5"/>
      <c r="C6" s="5"/>
      <c r="D6" s="5"/>
      <c r="E6" s="5"/>
      <c r="F6" s="5"/>
      <c r="G6" s="5"/>
      <c r="H6" s="5"/>
      <c r="I6" s="5"/>
      <c r="J6" s="5"/>
      <c r="K6" s="5"/>
      <c r="L6" s="5"/>
      <c r="M6" s="5"/>
      <c r="N6" s="5"/>
      <c r="O6" s="5"/>
      <c r="P6" s="5"/>
      <c r="Q6" s="5"/>
      <c r="R6" s="5"/>
      <c r="S6" s="5"/>
      <c r="T6" s="5"/>
      <c r="U6" s="5"/>
      <c r="V6" s="5"/>
      <c r="W6" s="5"/>
      <c r="X6" s="5"/>
      <c r="Y6" s="5"/>
      <c r="Z6" s="5"/>
      <c r="AA6" s="5"/>
      <c r="AB6" s="5"/>
      <c r="AC6" s="5"/>
      <c r="AD6" s="5"/>
      <c r="AE6" s="5"/>
      <c r="AF6" s="5"/>
      <c r="AG6" s="5"/>
      <c r="AH6" s="5"/>
      <c r="AI6" s="5"/>
      <c r="AJ6" s="5"/>
      <c r="AK6" s="5"/>
      <c r="AL6" s="5"/>
      <c r="AM6" s="5"/>
      <c r="AN6" s="5"/>
      <c r="AO6" s="5"/>
      <c r="AP6" s="5"/>
      <c r="AQ6" s="5"/>
      <c r="AR6" s="5"/>
      <c r="AS6" s="5"/>
      <c r="AT6" s="5"/>
      <c r="AU6" s="5"/>
      <c r="AV6" s="5"/>
      <c r="AW6" s="5"/>
      <c r="AX6" s="5"/>
      <c r="AY6" s="5"/>
      <c r="AZ6" s="5"/>
      <c r="BA6" s="5"/>
      <c r="BB6" s="5"/>
      <c r="BC6" s="5"/>
      <c r="BD6" s="5"/>
      <c r="BE6" s="5"/>
    </row>
    <row r="7" spans="2:64" s="6" customFormat="1" ht="24.95" customHeight="1" x14ac:dyDescent="0.15">
      <c r="B7" s="284" t="s">
        <v>2</v>
      </c>
      <c r="C7" s="285"/>
      <c r="D7" s="285"/>
      <c r="E7" s="285"/>
      <c r="F7" s="286"/>
      <c r="G7" s="284"/>
      <c r="H7" s="285"/>
      <c r="I7" s="285"/>
      <c r="J7" s="285"/>
      <c r="K7" s="285"/>
      <c r="L7" s="285"/>
      <c r="M7" s="286"/>
      <c r="N7" s="296" t="s">
        <v>127</v>
      </c>
      <c r="O7" s="297"/>
      <c r="P7" s="297"/>
      <c r="Q7" s="297"/>
      <c r="R7" s="297"/>
      <c r="S7" s="298"/>
      <c r="T7" s="284"/>
      <c r="U7" s="285"/>
      <c r="V7" s="285"/>
      <c r="W7" s="285"/>
      <c r="X7" s="285"/>
      <c r="Y7" s="286"/>
      <c r="Z7" s="46"/>
      <c r="AA7" s="5"/>
      <c r="AB7" s="5"/>
      <c r="AC7" s="5"/>
      <c r="AD7" s="5"/>
      <c r="AE7" s="5"/>
      <c r="AF7" s="5"/>
      <c r="AG7" s="5"/>
      <c r="AH7" s="5"/>
      <c r="AI7" s="5"/>
      <c r="AJ7" s="5"/>
      <c r="AK7" s="5"/>
      <c r="AL7" s="5"/>
      <c r="AM7" s="5"/>
      <c r="AN7" s="5"/>
      <c r="AO7" s="5"/>
      <c r="AP7" s="5"/>
      <c r="AQ7" s="5"/>
      <c r="AR7" s="5"/>
      <c r="AS7" s="5"/>
      <c r="AT7" s="5"/>
      <c r="AU7" s="5"/>
      <c r="AV7" s="5"/>
      <c r="AW7" s="5"/>
      <c r="AX7" s="5"/>
      <c r="AY7" s="5"/>
      <c r="AZ7" s="5"/>
      <c r="BA7" s="5"/>
      <c r="BB7" s="5"/>
      <c r="BC7" s="5"/>
      <c r="BD7" s="5"/>
      <c r="BE7" s="5"/>
    </row>
    <row r="8" spans="2:64" s="6" customFormat="1" ht="9" customHeight="1" x14ac:dyDescent="0.15">
      <c r="B8" s="7"/>
      <c r="C8" s="7"/>
      <c r="D8" s="7"/>
      <c r="E8" s="7"/>
      <c r="F8" s="7"/>
      <c r="G8" s="7"/>
      <c r="H8" s="7"/>
      <c r="I8" s="7"/>
      <c r="J8" s="7"/>
      <c r="K8" s="7"/>
      <c r="L8" s="7"/>
      <c r="M8" s="7"/>
      <c r="N8" s="7"/>
      <c r="O8" s="7"/>
      <c r="P8" s="7"/>
      <c r="Q8" s="7"/>
      <c r="R8" s="7"/>
      <c r="S8" s="7"/>
      <c r="T8" s="7"/>
      <c r="U8" s="7"/>
      <c r="V8" s="7"/>
      <c r="W8" s="7"/>
      <c r="X8" s="7"/>
      <c r="Y8" s="7"/>
      <c r="Z8" s="7"/>
      <c r="AA8" s="7"/>
      <c r="AB8" s="8"/>
      <c r="AC8" s="7"/>
      <c r="AD8" s="7"/>
      <c r="AE8" s="7"/>
      <c r="AF8" s="7"/>
      <c r="AG8" s="7"/>
      <c r="AH8" s="7"/>
      <c r="AI8" s="7"/>
      <c r="AJ8" s="7"/>
      <c r="AK8" s="7"/>
      <c r="AL8" s="7"/>
      <c r="AM8" s="7"/>
      <c r="AN8" s="7"/>
      <c r="AO8" s="7"/>
      <c r="AP8" s="7"/>
      <c r="AQ8" s="7"/>
      <c r="AR8" s="7"/>
      <c r="AS8" s="7"/>
      <c r="AT8" s="7"/>
      <c r="AU8" s="7"/>
      <c r="AV8" s="7"/>
      <c r="AW8" s="7"/>
      <c r="AX8" s="7"/>
      <c r="AY8" s="7"/>
      <c r="AZ8" s="7"/>
      <c r="BA8" s="7"/>
      <c r="BB8" s="7"/>
      <c r="BC8" s="7"/>
      <c r="BD8" s="7"/>
      <c r="BE8" s="7"/>
    </row>
    <row r="9" spans="2:64" s="6" customFormat="1" ht="18" customHeight="1" x14ac:dyDescent="0.15">
      <c r="B9" s="9" t="s">
        <v>4</v>
      </c>
      <c r="C9" s="10"/>
      <c r="D9" s="10"/>
      <c r="E9" s="10"/>
      <c r="F9" s="10"/>
      <c r="G9" s="10"/>
      <c r="H9" s="10"/>
      <c r="I9" s="10"/>
      <c r="J9" s="10"/>
      <c r="K9" s="10"/>
      <c r="L9" s="10"/>
      <c r="M9" s="10"/>
      <c r="N9" s="10"/>
      <c r="O9" s="10"/>
      <c r="P9" s="10"/>
      <c r="Q9" s="10"/>
      <c r="R9" s="10"/>
      <c r="S9" s="10"/>
      <c r="T9" s="10"/>
      <c r="U9" s="10"/>
      <c r="V9" s="10"/>
      <c r="W9" s="10"/>
      <c r="X9" s="10"/>
      <c r="Y9" s="10"/>
      <c r="Z9" s="10"/>
      <c r="AA9" s="10"/>
      <c r="AB9" s="10"/>
      <c r="AC9" s="10"/>
      <c r="AD9" s="10"/>
      <c r="AE9" s="10"/>
      <c r="AF9" s="10"/>
      <c r="AG9" s="10"/>
      <c r="AH9" s="10"/>
      <c r="AI9" s="10"/>
      <c r="AJ9" s="10"/>
      <c r="AK9" s="10"/>
      <c r="AL9" s="10"/>
      <c r="AM9" s="10"/>
      <c r="AN9" s="10"/>
      <c r="AO9" s="10"/>
      <c r="AP9" s="10"/>
      <c r="AQ9" s="10"/>
      <c r="AR9" s="10"/>
      <c r="AS9" s="10"/>
      <c r="AT9" s="10"/>
      <c r="AU9" s="10"/>
      <c r="AV9" s="10"/>
      <c r="AW9" s="10"/>
      <c r="AX9" s="10"/>
      <c r="AY9" s="10"/>
      <c r="AZ9" s="10"/>
      <c r="BA9" s="10"/>
      <c r="BB9" s="10"/>
      <c r="BC9" s="10"/>
      <c r="BD9" s="10"/>
      <c r="BE9" s="11"/>
    </row>
    <row r="10" spans="2:64" s="6" customFormat="1" ht="18" customHeight="1" x14ac:dyDescent="0.15">
      <c r="B10" s="12"/>
      <c r="C10" s="5"/>
      <c r="D10" s="5"/>
      <c r="E10" s="13"/>
      <c r="F10" s="13"/>
      <c r="G10" s="13"/>
      <c r="H10" s="13"/>
      <c r="I10" s="13"/>
      <c r="J10" s="13"/>
      <c r="K10" s="13"/>
      <c r="L10" s="13"/>
      <c r="M10" s="13"/>
      <c r="N10" s="13"/>
      <c r="O10" s="13"/>
      <c r="P10" s="13"/>
      <c r="Q10" s="13"/>
      <c r="R10" s="13"/>
      <c r="S10" s="13"/>
      <c r="T10" s="13"/>
      <c r="U10" s="13"/>
      <c r="V10" s="13"/>
      <c r="W10" s="13"/>
      <c r="X10" s="13"/>
      <c r="Y10" s="13"/>
      <c r="Z10" s="13"/>
      <c r="AA10" s="13"/>
      <c r="AB10" s="13"/>
      <c r="AC10" s="13"/>
      <c r="AD10" s="13"/>
      <c r="AE10" s="13"/>
      <c r="AF10" s="13"/>
      <c r="AG10" s="13"/>
      <c r="AH10" s="13"/>
      <c r="AI10" s="13"/>
      <c r="AJ10" s="13"/>
      <c r="AK10" s="13"/>
      <c r="AL10" s="13"/>
      <c r="AM10" s="13"/>
      <c r="AN10" s="13"/>
      <c r="AO10" s="13"/>
      <c r="AP10" s="13"/>
      <c r="AQ10" s="13"/>
      <c r="AR10" s="13"/>
      <c r="AS10" s="13"/>
      <c r="AT10" s="13"/>
      <c r="AU10" s="13"/>
      <c r="AV10" s="13"/>
      <c r="AW10" s="13"/>
      <c r="AX10" s="13"/>
      <c r="AY10" s="13"/>
      <c r="AZ10" s="13"/>
      <c r="BA10" s="13"/>
      <c r="BB10" s="13"/>
      <c r="BC10" s="13"/>
      <c r="BD10" s="13"/>
      <c r="BE10" s="14"/>
    </row>
    <row r="11" spans="2:64" s="6" customFormat="1" ht="18" customHeight="1" x14ac:dyDescent="0.15">
      <c r="B11" s="12"/>
      <c r="C11" s="5"/>
      <c r="D11" s="5"/>
      <c r="E11" s="13"/>
      <c r="F11" s="13"/>
      <c r="G11" s="13"/>
      <c r="H11" s="13"/>
      <c r="I11" s="13"/>
      <c r="J11" s="13"/>
      <c r="K11" s="13"/>
      <c r="L11" s="13"/>
      <c r="M11" s="13"/>
      <c r="N11" s="13"/>
      <c r="O11" s="13"/>
      <c r="P11" s="13"/>
      <c r="Q11" s="13"/>
      <c r="R11" s="13"/>
      <c r="S11" s="13"/>
      <c r="T11" s="13"/>
      <c r="U11" s="13"/>
      <c r="V11" s="13"/>
      <c r="W11" s="13"/>
      <c r="X11" s="13"/>
      <c r="Y11" s="13"/>
      <c r="Z11" s="13"/>
      <c r="AA11" s="13"/>
      <c r="AB11" s="13"/>
      <c r="AC11" s="13"/>
      <c r="AD11" s="13"/>
      <c r="AE11" s="13"/>
      <c r="AF11" s="13"/>
      <c r="AG11" s="13"/>
      <c r="AH11" s="13"/>
      <c r="AI11" s="13"/>
      <c r="AJ11" s="13"/>
      <c r="AK11" s="13"/>
      <c r="AL11" s="13"/>
      <c r="AM11" s="13"/>
      <c r="AN11" s="13"/>
      <c r="AO11" s="13"/>
      <c r="AP11" s="13"/>
      <c r="AQ11" s="13"/>
      <c r="AR11" s="13"/>
      <c r="AS11" s="13"/>
      <c r="AT11" s="13"/>
      <c r="AU11" s="13"/>
      <c r="AV11" s="13"/>
      <c r="AW11" s="13"/>
      <c r="AX11" s="13"/>
      <c r="AY11" s="13"/>
      <c r="AZ11" s="13"/>
      <c r="BA11" s="13"/>
      <c r="BB11" s="13"/>
      <c r="BC11" s="13"/>
      <c r="BD11" s="13"/>
      <c r="BE11" s="14"/>
    </row>
    <row r="12" spans="2:64" s="6" customFormat="1" ht="18" customHeight="1" x14ac:dyDescent="0.15">
      <c r="B12" s="12"/>
      <c r="C12" s="5"/>
      <c r="D12" s="5"/>
      <c r="E12" s="5"/>
      <c r="F12" s="5"/>
      <c r="G12" s="5"/>
      <c r="H12" s="5"/>
      <c r="I12" s="5"/>
      <c r="J12" s="5"/>
      <c r="K12" s="5"/>
      <c r="L12" s="5"/>
      <c r="M12" s="5"/>
      <c r="N12" s="5"/>
      <c r="O12" s="5"/>
      <c r="P12" s="5"/>
      <c r="Q12" s="5"/>
      <c r="R12" s="5"/>
      <c r="S12" s="5"/>
      <c r="T12" s="5"/>
      <c r="U12" s="5"/>
      <c r="V12" s="5"/>
      <c r="W12" s="5"/>
      <c r="X12" s="5"/>
      <c r="Y12" s="5"/>
      <c r="Z12" s="5"/>
      <c r="AA12" s="5"/>
      <c r="AB12" s="5"/>
      <c r="AC12" s="5"/>
      <c r="AD12" s="5"/>
      <c r="AE12" s="5"/>
      <c r="AF12" s="5"/>
      <c r="AG12" s="5"/>
      <c r="AH12" s="5"/>
      <c r="AI12" s="5"/>
      <c r="AJ12" s="5"/>
      <c r="AK12" s="5"/>
      <c r="AL12" s="5"/>
      <c r="AM12" s="5"/>
      <c r="AN12" s="5"/>
      <c r="AO12" s="5"/>
      <c r="AP12" s="5"/>
      <c r="AQ12" s="5"/>
      <c r="AR12" s="5"/>
      <c r="AS12" s="5"/>
      <c r="AT12" s="5"/>
      <c r="AU12" s="5"/>
      <c r="AV12" s="5"/>
      <c r="AW12" s="5"/>
      <c r="AX12" s="5"/>
      <c r="AY12" s="5"/>
      <c r="AZ12" s="5"/>
      <c r="BA12" s="5"/>
      <c r="BB12" s="5"/>
      <c r="BC12" s="5"/>
      <c r="BD12" s="5"/>
      <c r="BE12" s="15"/>
    </row>
    <row r="13" spans="2:64" s="6" customFormat="1" ht="18" customHeight="1" x14ac:dyDescent="0.15">
      <c r="B13" s="16"/>
      <c r="C13" s="7"/>
      <c r="D13" s="7"/>
      <c r="E13" s="7"/>
      <c r="F13" s="7"/>
      <c r="G13" s="7"/>
      <c r="H13" s="7"/>
      <c r="I13" s="7"/>
      <c r="J13" s="7"/>
      <c r="K13" s="7"/>
      <c r="L13" s="7"/>
      <c r="M13" s="7"/>
      <c r="N13" s="7"/>
      <c r="O13" s="7"/>
      <c r="P13" s="7"/>
      <c r="Q13" s="7"/>
      <c r="R13" s="7"/>
      <c r="S13" s="7"/>
      <c r="T13" s="7"/>
      <c r="U13" s="7"/>
      <c r="V13" s="7"/>
      <c r="W13" s="7"/>
      <c r="X13" s="7"/>
      <c r="Y13" s="7"/>
      <c r="Z13" s="7"/>
      <c r="AA13" s="7"/>
      <c r="AB13" s="7"/>
      <c r="AC13" s="7"/>
      <c r="AD13" s="7"/>
      <c r="AE13" s="7"/>
      <c r="AF13" s="7"/>
      <c r="AG13" s="7"/>
      <c r="AH13" s="7"/>
      <c r="AI13" s="7"/>
      <c r="AJ13" s="7"/>
      <c r="AK13" s="7"/>
      <c r="AL13" s="7"/>
      <c r="AM13" s="7"/>
      <c r="AN13" s="7"/>
      <c r="AO13" s="7"/>
      <c r="AP13" s="7"/>
      <c r="AQ13" s="7"/>
      <c r="AR13" s="7"/>
      <c r="AS13" s="7"/>
      <c r="AT13" s="7"/>
      <c r="AU13" s="7"/>
      <c r="AV13" s="7"/>
      <c r="AW13" s="7"/>
      <c r="AX13" s="7"/>
      <c r="AY13" s="7"/>
      <c r="AZ13" s="7"/>
      <c r="BA13" s="7"/>
      <c r="BB13" s="7"/>
      <c r="BC13" s="7"/>
      <c r="BD13" s="7"/>
      <c r="BE13" s="17"/>
    </row>
    <row r="14" spans="2:64" ht="10.5" customHeight="1" x14ac:dyDescent="0.15">
      <c r="B14" s="18"/>
      <c r="C14" s="5"/>
      <c r="D14" s="5"/>
      <c r="E14" s="3"/>
      <c r="F14" s="3"/>
      <c r="G14" s="3"/>
      <c r="H14" s="3"/>
      <c r="I14" s="3"/>
      <c r="J14" s="3"/>
      <c r="K14" s="3"/>
      <c r="L14" s="3"/>
      <c r="M14" s="3"/>
      <c r="N14" s="3"/>
      <c r="O14" s="3"/>
      <c r="P14" s="3"/>
      <c r="Q14" s="3"/>
      <c r="R14" s="3"/>
      <c r="S14" s="3"/>
      <c r="T14" s="3"/>
      <c r="U14" s="3"/>
      <c r="V14" s="3"/>
      <c r="W14" s="3"/>
      <c r="X14" s="3"/>
      <c r="Y14" s="3"/>
      <c r="Z14" s="3"/>
      <c r="AA14" s="3"/>
      <c r="AB14" s="3"/>
      <c r="AC14" s="3"/>
      <c r="AD14" s="3"/>
      <c r="AE14" s="3"/>
      <c r="AF14" s="3"/>
      <c r="AG14" s="3"/>
      <c r="AH14" s="3"/>
      <c r="AI14" s="3"/>
      <c r="AJ14" s="3"/>
      <c r="AK14" s="3"/>
      <c r="AL14" s="3"/>
      <c r="AM14" s="3"/>
      <c r="AN14" s="3"/>
      <c r="AO14" s="3"/>
      <c r="AP14" s="3"/>
      <c r="AQ14" s="3"/>
      <c r="AR14" s="19"/>
      <c r="AS14" s="19"/>
      <c r="AT14" s="19"/>
      <c r="AU14" s="19"/>
      <c r="AV14" s="19"/>
      <c r="AW14" s="19"/>
      <c r="AX14" s="19"/>
      <c r="AY14" s="19"/>
      <c r="AZ14" s="19"/>
      <c r="BA14" s="19"/>
      <c r="BB14" s="19"/>
      <c r="BC14" s="19"/>
      <c r="BD14" s="20"/>
      <c r="BE14" s="21"/>
      <c r="BF14" s="22"/>
      <c r="BG14" s="20"/>
      <c r="BI14" s="20"/>
      <c r="BJ14" s="20"/>
      <c r="BK14" s="23"/>
      <c r="BL14" s="23"/>
    </row>
    <row r="15" spans="2:64" x14ac:dyDescent="0.15">
      <c r="B15" s="18"/>
      <c r="C15" s="5" t="s">
        <v>60</v>
      </c>
      <c r="D15" s="5"/>
      <c r="E15" s="3"/>
      <c r="F15" s="3"/>
      <c r="G15" s="3"/>
      <c r="H15" s="3"/>
      <c r="I15" s="3"/>
      <c r="J15" s="3"/>
      <c r="K15" s="3"/>
      <c r="L15" s="3"/>
      <c r="M15" s="3"/>
      <c r="N15" s="3"/>
      <c r="O15" s="3"/>
      <c r="P15" s="3"/>
      <c r="Q15" s="3"/>
      <c r="R15" s="3"/>
      <c r="S15" s="3"/>
      <c r="T15" s="3"/>
      <c r="U15" s="3"/>
      <c r="V15" s="3"/>
      <c r="W15" s="3"/>
      <c r="X15" s="3"/>
      <c r="Y15" s="3"/>
      <c r="Z15" s="3"/>
      <c r="AA15" s="3"/>
      <c r="AB15" s="3"/>
      <c r="AC15" s="3"/>
      <c r="AD15" s="3"/>
      <c r="AE15" s="3"/>
      <c r="AF15" s="3"/>
      <c r="AG15" s="3"/>
      <c r="AH15" s="3"/>
      <c r="AI15" s="3"/>
      <c r="AJ15" s="3"/>
      <c r="AK15" s="3"/>
      <c r="AL15" s="3"/>
      <c r="AM15" s="3"/>
      <c r="AN15" s="3"/>
      <c r="AO15" s="3"/>
      <c r="AP15" s="3"/>
      <c r="AQ15" s="3"/>
      <c r="AR15" s="19"/>
      <c r="AS15" s="19"/>
      <c r="AT15" s="19"/>
      <c r="AU15" s="19"/>
      <c r="AV15" s="19"/>
      <c r="AW15" s="19"/>
      <c r="AX15" s="19"/>
      <c r="AY15" s="19"/>
      <c r="AZ15" s="19"/>
      <c r="BA15" s="19"/>
      <c r="BB15" s="19"/>
      <c r="BC15" s="19"/>
      <c r="BD15" s="20"/>
      <c r="BE15" s="21"/>
      <c r="BF15" s="22"/>
      <c r="BG15" s="20"/>
      <c r="BI15" s="20"/>
      <c r="BJ15" s="20"/>
      <c r="BK15" s="23"/>
      <c r="BL15" s="23"/>
    </row>
    <row r="16" spans="2:64" ht="10.5" customHeight="1" x14ac:dyDescent="0.15">
      <c r="B16" s="18"/>
      <c r="C16" s="3"/>
      <c r="D16" s="3"/>
      <c r="E16" s="3"/>
      <c r="F16" s="3"/>
      <c r="G16" s="3"/>
      <c r="H16" s="3"/>
      <c r="I16" s="3"/>
      <c r="J16" s="3"/>
      <c r="K16" s="3"/>
      <c r="L16" s="3"/>
      <c r="M16" s="3"/>
      <c r="N16" s="3"/>
      <c r="O16" s="3"/>
      <c r="P16" s="3"/>
      <c r="Q16" s="3"/>
      <c r="R16" s="3"/>
      <c r="S16" s="3"/>
      <c r="T16" s="3"/>
      <c r="U16" s="3"/>
      <c r="V16" s="3"/>
      <c r="W16" s="3"/>
      <c r="X16" s="3"/>
      <c r="Y16" s="3"/>
      <c r="Z16" s="3"/>
      <c r="AA16" s="3"/>
      <c r="AB16" s="3"/>
      <c r="AC16" s="3"/>
      <c r="AD16" s="3"/>
      <c r="AE16" s="3"/>
      <c r="AF16" s="3"/>
      <c r="AG16" s="3"/>
      <c r="AH16" s="3"/>
      <c r="AI16" s="3"/>
      <c r="AJ16" s="3"/>
      <c r="AK16" s="3"/>
      <c r="AL16" s="3"/>
      <c r="AM16" s="3"/>
      <c r="AN16" s="3"/>
      <c r="AO16" s="3"/>
      <c r="AP16" s="3"/>
      <c r="AQ16" s="3"/>
      <c r="AR16" s="19"/>
      <c r="AS16" s="19"/>
      <c r="AT16" s="19"/>
      <c r="AU16" s="19"/>
      <c r="AV16" s="19"/>
      <c r="AW16" s="19"/>
      <c r="AX16" s="19"/>
      <c r="AY16" s="19"/>
      <c r="AZ16" s="19"/>
      <c r="BA16" s="109" t="s">
        <v>5</v>
      </c>
      <c r="BB16" s="109"/>
      <c r="BC16" s="109"/>
      <c r="BE16" s="21"/>
      <c r="BF16" s="22"/>
      <c r="BG16" s="20"/>
      <c r="BH16" s="20"/>
    </row>
    <row r="17" spans="2:64" ht="24.75" customHeight="1" x14ac:dyDescent="0.15">
      <c r="B17" s="18"/>
      <c r="C17" s="290" t="s">
        <v>6</v>
      </c>
      <c r="D17" s="291"/>
      <c r="E17" s="291"/>
      <c r="F17" s="291"/>
      <c r="G17" s="291"/>
      <c r="H17" s="292"/>
      <c r="I17" s="290" t="s">
        <v>7</v>
      </c>
      <c r="J17" s="291"/>
      <c r="K17" s="291"/>
      <c r="L17" s="291"/>
      <c r="M17" s="291"/>
      <c r="N17" s="292"/>
      <c r="O17" s="290" t="s">
        <v>8</v>
      </c>
      <c r="P17" s="291"/>
      <c r="Q17" s="291"/>
      <c r="R17" s="292"/>
      <c r="S17" s="290" t="s">
        <v>9</v>
      </c>
      <c r="T17" s="291"/>
      <c r="U17" s="292"/>
      <c r="V17" s="290" t="s">
        <v>10</v>
      </c>
      <c r="W17" s="291"/>
      <c r="X17" s="292"/>
      <c r="Y17" s="293" t="s">
        <v>11</v>
      </c>
      <c r="Z17" s="294"/>
      <c r="AA17" s="294"/>
      <c r="AB17" s="294"/>
      <c r="AC17" s="294"/>
      <c r="AD17" s="294"/>
      <c r="AE17" s="294"/>
      <c r="AF17" s="294"/>
      <c r="AG17" s="294"/>
      <c r="AH17" s="294"/>
      <c r="AI17" s="294"/>
      <c r="AJ17" s="295"/>
      <c r="AK17" s="290" t="s">
        <v>12</v>
      </c>
      <c r="AL17" s="291"/>
      <c r="AM17" s="291"/>
      <c r="AN17" s="292"/>
      <c r="AO17" s="290" t="s">
        <v>13</v>
      </c>
      <c r="AP17" s="291"/>
      <c r="AQ17" s="291"/>
      <c r="AR17" s="292"/>
      <c r="AS17" s="290" t="s">
        <v>14</v>
      </c>
      <c r="AT17" s="291"/>
      <c r="AU17" s="291"/>
      <c r="AV17" s="292"/>
      <c r="AW17" s="169" t="s">
        <v>15</v>
      </c>
      <c r="AX17" s="170"/>
      <c r="AY17" s="170"/>
      <c r="AZ17" s="171"/>
      <c r="BA17" s="169" t="s">
        <v>16</v>
      </c>
      <c r="BB17" s="170"/>
      <c r="BC17" s="171"/>
      <c r="BE17" s="24"/>
      <c r="BF17" s="25"/>
    </row>
    <row r="18" spans="2:64" ht="24.75" customHeight="1" x14ac:dyDescent="0.15">
      <c r="B18" s="18"/>
      <c r="C18" s="287"/>
      <c r="D18" s="299"/>
      <c r="E18" s="288"/>
      <c r="F18" s="288"/>
      <c r="G18" s="288"/>
      <c r="H18" s="289"/>
      <c r="I18" s="287"/>
      <c r="J18" s="288"/>
      <c r="K18" s="288"/>
      <c r="L18" s="288"/>
      <c r="M18" s="288"/>
      <c r="N18" s="289"/>
      <c r="O18" s="287"/>
      <c r="P18" s="288"/>
      <c r="Q18" s="288"/>
      <c r="R18" s="289"/>
      <c r="S18" s="287"/>
      <c r="T18" s="288"/>
      <c r="U18" s="289"/>
      <c r="V18" s="287"/>
      <c r="W18" s="288"/>
      <c r="X18" s="289"/>
      <c r="Y18" s="287" t="s">
        <v>17</v>
      </c>
      <c r="Z18" s="288"/>
      <c r="AA18" s="289"/>
      <c r="AB18" s="290" t="s">
        <v>18</v>
      </c>
      <c r="AC18" s="291"/>
      <c r="AD18" s="291"/>
      <c r="AE18" s="290" t="s">
        <v>19</v>
      </c>
      <c r="AF18" s="291"/>
      <c r="AG18" s="291"/>
      <c r="AH18" s="290" t="s">
        <v>20</v>
      </c>
      <c r="AI18" s="291"/>
      <c r="AJ18" s="291"/>
      <c r="AK18" s="287"/>
      <c r="AL18" s="288"/>
      <c r="AM18" s="288"/>
      <c r="AN18" s="289"/>
      <c r="AO18" s="287"/>
      <c r="AP18" s="288"/>
      <c r="AQ18" s="288"/>
      <c r="AR18" s="289"/>
      <c r="AS18" s="287"/>
      <c r="AT18" s="288"/>
      <c r="AU18" s="288"/>
      <c r="AV18" s="289"/>
      <c r="AW18" s="172"/>
      <c r="AX18" s="173"/>
      <c r="AY18" s="173"/>
      <c r="AZ18" s="174"/>
      <c r="BA18" s="172"/>
      <c r="BB18" s="173"/>
      <c r="BC18" s="174"/>
      <c r="BE18" s="24"/>
      <c r="BF18" s="25"/>
    </row>
    <row r="19" spans="2:64" ht="24.75" customHeight="1" x14ac:dyDescent="0.15">
      <c r="B19" s="18"/>
      <c r="C19" s="287"/>
      <c r="D19" s="299"/>
      <c r="E19" s="288"/>
      <c r="F19" s="288"/>
      <c r="G19" s="288"/>
      <c r="H19" s="289"/>
      <c r="I19" s="287"/>
      <c r="J19" s="288"/>
      <c r="K19" s="288"/>
      <c r="L19" s="288"/>
      <c r="M19" s="288"/>
      <c r="N19" s="289"/>
      <c r="O19" s="287"/>
      <c r="P19" s="288"/>
      <c r="Q19" s="288"/>
      <c r="R19" s="289"/>
      <c r="S19" s="287"/>
      <c r="T19" s="288"/>
      <c r="U19" s="289"/>
      <c r="V19" s="287"/>
      <c r="W19" s="288"/>
      <c r="X19" s="289"/>
      <c r="Y19" s="287"/>
      <c r="Z19" s="288"/>
      <c r="AA19" s="289"/>
      <c r="AB19" s="287"/>
      <c r="AC19" s="288"/>
      <c r="AD19" s="288"/>
      <c r="AE19" s="287"/>
      <c r="AF19" s="288"/>
      <c r="AG19" s="288"/>
      <c r="AH19" s="287"/>
      <c r="AI19" s="288"/>
      <c r="AJ19" s="288"/>
      <c r="AK19" s="287"/>
      <c r="AL19" s="288"/>
      <c r="AM19" s="288"/>
      <c r="AN19" s="289"/>
      <c r="AO19" s="287"/>
      <c r="AP19" s="288"/>
      <c r="AQ19" s="288"/>
      <c r="AR19" s="289"/>
      <c r="AS19" s="287"/>
      <c r="AT19" s="288"/>
      <c r="AU19" s="288"/>
      <c r="AV19" s="289"/>
      <c r="AW19" s="172"/>
      <c r="AX19" s="173"/>
      <c r="AY19" s="173"/>
      <c r="AZ19" s="174"/>
      <c r="BA19" s="172"/>
      <c r="BB19" s="173"/>
      <c r="BC19" s="174"/>
      <c r="BE19" s="24"/>
      <c r="BF19" s="25"/>
    </row>
    <row r="20" spans="2:64" ht="33" customHeight="1" x14ac:dyDescent="0.15">
      <c r="B20" s="18"/>
      <c r="C20" s="287"/>
      <c r="D20" s="299"/>
      <c r="E20" s="288"/>
      <c r="F20" s="288"/>
      <c r="G20" s="288"/>
      <c r="H20" s="289"/>
      <c r="I20" s="287"/>
      <c r="J20" s="288"/>
      <c r="K20" s="288"/>
      <c r="L20" s="288"/>
      <c r="M20" s="288"/>
      <c r="N20" s="289"/>
      <c r="O20" s="287"/>
      <c r="P20" s="288"/>
      <c r="Q20" s="288"/>
      <c r="R20" s="289"/>
      <c r="S20" s="287"/>
      <c r="T20" s="288"/>
      <c r="U20" s="289"/>
      <c r="V20" s="287"/>
      <c r="W20" s="288"/>
      <c r="X20" s="289"/>
      <c r="Y20" s="287"/>
      <c r="Z20" s="288"/>
      <c r="AA20" s="289"/>
      <c r="AB20" s="287"/>
      <c r="AC20" s="288"/>
      <c r="AD20" s="288"/>
      <c r="AE20" s="287"/>
      <c r="AF20" s="288"/>
      <c r="AG20" s="288"/>
      <c r="AH20" s="287"/>
      <c r="AI20" s="288"/>
      <c r="AJ20" s="288"/>
      <c r="AK20" s="287"/>
      <c r="AL20" s="288"/>
      <c r="AM20" s="288"/>
      <c r="AN20" s="289"/>
      <c r="AO20" s="287"/>
      <c r="AP20" s="288"/>
      <c r="AQ20" s="288"/>
      <c r="AR20" s="289"/>
      <c r="AS20" s="287"/>
      <c r="AT20" s="288"/>
      <c r="AU20" s="288"/>
      <c r="AV20" s="289"/>
      <c r="AW20" s="172"/>
      <c r="AX20" s="173"/>
      <c r="AY20" s="173"/>
      <c r="AZ20" s="174"/>
      <c r="BA20" s="172"/>
      <c r="BB20" s="173"/>
      <c r="BC20" s="174"/>
      <c r="BE20" s="24"/>
      <c r="BF20" s="25"/>
    </row>
    <row r="21" spans="2:64" ht="24.75" customHeight="1" x14ac:dyDescent="0.15">
      <c r="B21" s="18"/>
      <c r="C21" s="26"/>
      <c r="D21" s="27"/>
      <c r="E21" s="27"/>
      <c r="F21" s="27"/>
      <c r="G21" s="27"/>
      <c r="H21" s="28"/>
      <c r="I21" s="26"/>
      <c r="J21" s="27"/>
      <c r="K21" s="27"/>
      <c r="L21" s="27"/>
      <c r="M21" s="27"/>
      <c r="N21" s="28"/>
      <c r="O21" s="26"/>
      <c r="P21" s="27"/>
      <c r="Q21" s="27"/>
      <c r="R21" s="28"/>
      <c r="S21" s="26"/>
      <c r="T21" s="27"/>
      <c r="U21" s="28"/>
      <c r="V21" s="280" t="s">
        <v>21</v>
      </c>
      <c r="W21" s="281"/>
      <c r="X21" s="282"/>
      <c r="Y21" s="271" t="s">
        <v>22</v>
      </c>
      <c r="Z21" s="272"/>
      <c r="AA21" s="273"/>
      <c r="AB21" s="271" t="s">
        <v>23</v>
      </c>
      <c r="AC21" s="272"/>
      <c r="AD21" s="273"/>
      <c r="AE21" s="271" t="s">
        <v>24</v>
      </c>
      <c r="AF21" s="272"/>
      <c r="AG21" s="273"/>
      <c r="AH21" s="271" t="s">
        <v>25</v>
      </c>
      <c r="AI21" s="272"/>
      <c r="AJ21" s="273"/>
      <c r="AK21" s="268"/>
      <c r="AL21" s="269"/>
      <c r="AM21" s="269"/>
      <c r="AN21" s="270"/>
      <c r="AO21" s="268" t="s">
        <v>26</v>
      </c>
      <c r="AP21" s="269"/>
      <c r="AQ21" s="269"/>
      <c r="AR21" s="270"/>
      <c r="AS21" s="271" t="s">
        <v>27</v>
      </c>
      <c r="AT21" s="272"/>
      <c r="AU21" s="272"/>
      <c r="AV21" s="273"/>
      <c r="AW21" s="268" t="s">
        <v>28</v>
      </c>
      <c r="AX21" s="269"/>
      <c r="AY21" s="269"/>
      <c r="AZ21" s="270"/>
      <c r="BA21" s="29"/>
      <c r="BB21" s="30"/>
      <c r="BC21" s="31"/>
      <c r="BE21" s="24"/>
      <c r="BF21" s="25"/>
    </row>
    <row r="22" spans="2:64" ht="21" customHeight="1" x14ac:dyDescent="0.15">
      <c r="B22" s="18"/>
      <c r="C22" s="132"/>
      <c r="D22" s="133"/>
      <c r="E22" s="133"/>
      <c r="F22" s="133"/>
      <c r="G22" s="133"/>
      <c r="H22" s="134"/>
      <c r="I22" s="135"/>
      <c r="J22" s="136"/>
      <c r="K22" s="136"/>
      <c r="L22" s="136"/>
      <c r="M22" s="136"/>
      <c r="N22" s="137"/>
      <c r="O22" s="132"/>
      <c r="P22" s="133"/>
      <c r="Q22" s="133"/>
      <c r="R22" s="134"/>
      <c r="S22" s="132"/>
      <c r="T22" s="133"/>
      <c r="U22" s="134"/>
      <c r="V22" s="123"/>
      <c r="W22" s="124"/>
      <c r="X22" s="125"/>
      <c r="Y22" s="274"/>
      <c r="Z22" s="275"/>
      <c r="AA22" s="276"/>
      <c r="AB22" s="132"/>
      <c r="AC22" s="133"/>
      <c r="AD22" s="134"/>
      <c r="AE22" s="132"/>
      <c r="AF22" s="133"/>
      <c r="AG22" s="134"/>
      <c r="AH22" s="132"/>
      <c r="AI22" s="133"/>
      <c r="AJ22" s="133"/>
      <c r="AK22" s="123"/>
      <c r="AL22" s="124"/>
      <c r="AM22" s="124"/>
      <c r="AN22" s="124"/>
      <c r="AO22" s="123"/>
      <c r="AP22" s="124"/>
      <c r="AQ22" s="124"/>
      <c r="AR22" s="124"/>
      <c r="AS22" s="123"/>
      <c r="AT22" s="124"/>
      <c r="AU22" s="124"/>
      <c r="AV22" s="125"/>
      <c r="AW22" s="123"/>
      <c r="AX22" s="124"/>
      <c r="AY22" s="124"/>
      <c r="AZ22" s="125"/>
      <c r="BA22" s="123"/>
      <c r="BB22" s="124"/>
      <c r="BC22" s="125"/>
      <c r="BE22" s="24"/>
      <c r="BF22" s="25"/>
    </row>
    <row r="23" spans="2:64" ht="21" customHeight="1" x14ac:dyDescent="0.15">
      <c r="B23" s="18"/>
      <c r="C23" s="129"/>
      <c r="D23" s="130"/>
      <c r="E23" s="130"/>
      <c r="F23" s="130"/>
      <c r="G23" s="130"/>
      <c r="H23" s="131"/>
      <c r="I23" s="129"/>
      <c r="J23" s="130"/>
      <c r="K23" s="130"/>
      <c r="L23" s="130"/>
      <c r="M23" s="130"/>
      <c r="N23" s="131"/>
      <c r="O23" s="129"/>
      <c r="P23" s="130"/>
      <c r="Q23" s="130"/>
      <c r="R23" s="131"/>
      <c r="S23" s="129"/>
      <c r="T23" s="130"/>
      <c r="U23" s="131"/>
      <c r="V23" s="126"/>
      <c r="W23" s="127"/>
      <c r="X23" s="128"/>
      <c r="Y23" s="277"/>
      <c r="Z23" s="278"/>
      <c r="AA23" s="279"/>
      <c r="AB23" s="129"/>
      <c r="AC23" s="130"/>
      <c r="AD23" s="131"/>
      <c r="AE23" s="129"/>
      <c r="AF23" s="130"/>
      <c r="AG23" s="131"/>
      <c r="AH23" s="129"/>
      <c r="AI23" s="130"/>
      <c r="AJ23" s="130"/>
      <c r="AK23" s="126"/>
      <c r="AL23" s="127"/>
      <c r="AM23" s="127"/>
      <c r="AN23" s="127"/>
      <c r="AO23" s="126"/>
      <c r="AP23" s="127"/>
      <c r="AQ23" s="127"/>
      <c r="AR23" s="127"/>
      <c r="AS23" s="126"/>
      <c r="AT23" s="127"/>
      <c r="AU23" s="127"/>
      <c r="AV23" s="128"/>
      <c r="AW23" s="126"/>
      <c r="AX23" s="127"/>
      <c r="AY23" s="127"/>
      <c r="AZ23" s="128"/>
      <c r="BA23" s="126"/>
      <c r="BB23" s="127"/>
      <c r="BC23" s="128"/>
      <c r="BE23" s="24"/>
      <c r="BF23" s="25"/>
    </row>
    <row r="24" spans="2:64" ht="21" customHeight="1" x14ac:dyDescent="0.15">
      <c r="B24" s="18"/>
      <c r="C24" s="132"/>
      <c r="D24" s="133"/>
      <c r="E24" s="133"/>
      <c r="F24" s="133"/>
      <c r="G24" s="133"/>
      <c r="H24" s="134"/>
      <c r="I24" s="135"/>
      <c r="J24" s="136"/>
      <c r="K24" s="136"/>
      <c r="L24" s="136"/>
      <c r="M24" s="136"/>
      <c r="N24" s="137"/>
      <c r="O24" s="132"/>
      <c r="P24" s="133"/>
      <c r="Q24" s="133"/>
      <c r="R24" s="134"/>
      <c r="S24" s="132"/>
      <c r="T24" s="133"/>
      <c r="U24" s="134"/>
      <c r="V24" s="123"/>
      <c r="W24" s="124"/>
      <c r="X24" s="125"/>
      <c r="Y24" s="123"/>
      <c r="Z24" s="124"/>
      <c r="AA24" s="125"/>
      <c r="AB24" s="132"/>
      <c r="AC24" s="133"/>
      <c r="AD24" s="134"/>
      <c r="AE24" s="132"/>
      <c r="AF24" s="133"/>
      <c r="AG24" s="134"/>
      <c r="AH24" s="132"/>
      <c r="AI24" s="133"/>
      <c r="AJ24" s="133"/>
      <c r="AK24" s="123"/>
      <c r="AL24" s="124"/>
      <c r="AM24" s="124"/>
      <c r="AN24" s="124"/>
      <c r="AO24" s="123"/>
      <c r="AP24" s="124"/>
      <c r="AQ24" s="124"/>
      <c r="AR24" s="124"/>
      <c r="AS24" s="123"/>
      <c r="AT24" s="124"/>
      <c r="AU24" s="124"/>
      <c r="AV24" s="125"/>
      <c r="AW24" s="123"/>
      <c r="AX24" s="124"/>
      <c r="AY24" s="124"/>
      <c r="AZ24" s="125"/>
      <c r="BA24" s="123"/>
      <c r="BB24" s="124"/>
      <c r="BC24" s="125"/>
      <c r="BE24" s="24"/>
      <c r="BF24" s="25"/>
    </row>
    <row r="25" spans="2:64" ht="21" customHeight="1" thickBot="1" x14ac:dyDescent="0.2">
      <c r="B25" s="18"/>
      <c r="C25" s="129"/>
      <c r="D25" s="130"/>
      <c r="E25" s="130"/>
      <c r="F25" s="130"/>
      <c r="G25" s="130"/>
      <c r="H25" s="131"/>
      <c r="I25" s="129"/>
      <c r="J25" s="130"/>
      <c r="K25" s="130"/>
      <c r="L25" s="130"/>
      <c r="M25" s="130"/>
      <c r="N25" s="131"/>
      <c r="O25" s="129"/>
      <c r="P25" s="130"/>
      <c r="Q25" s="130"/>
      <c r="R25" s="131"/>
      <c r="S25" s="129"/>
      <c r="T25" s="130"/>
      <c r="U25" s="131"/>
      <c r="V25" s="126"/>
      <c r="W25" s="127"/>
      <c r="X25" s="128"/>
      <c r="Y25" s="265"/>
      <c r="Z25" s="266"/>
      <c r="AA25" s="267"/>
      <c r="AB25" s="129"/>
      <c r="AC25" s="130"/>
      <c r="AD25" s="131"/>
      <c r="AE25" s="129"/>
      <c r="AF25" s="130"/>
      <c r="AG25" s="131"/>
      <c r="AH25" s="129"/>
      <c r="AI25" s="130"/>
      <c r="AJ25" s="130"/>
      <c r="AK25" s="126"/>
      <c r="AL25" s="127"/>
      <c r="AM25" s="127"/>
      <c r="AN25" s="127"/>
      <c r="AO25" s="126"/>
      <c r="AP25" s="127"/>
      <c r="AQ25" s="127"/>
      <c r="AR25" s="127"/>
      <c r="AS25" s="126"/>
      <c r="AT25" s="127"/>
      <c r="AU25" s="127"/>
      <c r="AV25" s="128"/>
      <c r="AW25" s="126"/>
      <c r="AX25" s="127"/>
      <c r="AY25" s="127"/>
      <c r="AZ25" s="128"/>
      <c r="BA25" s="126"/>
      <c r="BB25" s="127"/>
      <c r="BC25" s="128"/>
      <c r="BE25" s="24"/>
      <c r="BF25" s="25"/>
    </row>
    <row r="26" spans="2:64" ht="24.75" customHeight="1" thickTop="1" x14ac:dyDescent="0.15">
      <c r="B26" s="18"/>
      <c r="C26" s="110"/>
      <c r="D26" s="111"/>
      <c r="E26" s="111"/>
      <c r="F26" s="111"/>
      <c r="G26" s="111"/>
      <c r="H26" s="112"/>
      <c r="I26" s="113"/>
      <c r="J26" s="113"/>
      <c r="K26" s="113"/>
      <c r="L26" s="113"/>
      <c r="M26" s="113"/>
      <c r="N26" s="113"/>
      <c r="O26" s="106"/>
      <c r="P26" s="107"/>
      <c r="Q26" s="107"/>
      <c r="R26" s="108"/>
      <c r="S26" s="113"/>
      <c r="T26" s="113"/>
      <c r="U26" s="113"/>
      <c r="V26" s="113"/>
      <c r="W26" s="113"/>
      <c r="X26" s="113"/>
      <c r="Y26" s="106"/>
      <c r="Z26" s="107"/>
      <c r="AA26" s="108"/>
      <c r="AB26" s="106"/>
      <c r="AC26" s="107"/>
      <c r="AD26" s="108"/>
      <c r="AE26" s="61"/>
      <c r="AF26" s="61"/>
      <c r="AG26" s="61"/>
      <c r="AH26" s="106"/>
      <c r="AI26" s="107"/>
      <c r="AJ26" s="107"/>
      <c r="AK26" s="113"/>
      <c r="AL26" s="113"/>
      <c r="AM26" s="113"/>
      <c r="AN26" s="113"/>
      <c r="AO26" s="113"/>
      <c r="AP26" s="113"/>
      <c r="AQ26" s="113"/>
      <c r="AR26" s="113"/>
      <c r="AS26" s="113"/>
      <c r="AT26" s="113"/>
      <c r="AU26" s="113"/>
      <c r="AV26" s="113"/>
      <c r="AW26" s="106"/>
      <c r="AX26" s="107"/>
      <c r="AY26" s="107"/>
      <c r="AZ26" s="108"/>
      <c r="BA26" s="106"/>
      <c r="BB26" s="107"/>
      <c r="BC26" s="108"/>
      <c r="BE26" s="24"/>
      <c r="BF26" s="25"/>
    </row>
    <row r="27" spans="2:64" ht="10.5" customHeight="1" x14ac:dyDescent="0.15">
      <c r="B27" s="18"/>
      <c r="C27" s="5"/>
      <c r="D27" s="5"/>
      <c r="E27" s="3"/>
      <c r="F27" s="3"/>
      <c r="G27" s="3"/>
      <c r="H27" s="3"/>
      <c r="I27" s="3"/>
      <c r="J27" s="3"/>
      <c r="K27" s="3"/>
      <c r="L27" s="3"/>
      <c r="M27" s="3"/>
      <c r="N27" s="3"/>
      <c r="O27" s="3"/>
      <c r="P27" s="3"/>
      <c r="Q27" s="3"/>
      <c r="R27" s="3"/>
      <c r="S27" s="3"/>
      <c r="T27" s="3"/>
      <c r="U27" s="3"/>
      <c r="V27" s="3"/>
      <c r="W27" s="3"/>
      <c r="X27" s="3"/>
      <c r="Y27" s="3"/>
      <c r="Z27" s="3"/>
      <c r="AA27" s="3"/>
      <c r="AB27" s="3"/>
      <c r="AC27" s="3"/>
      <c r="AD27" s="3"/>
      <c r="AE27" s="3"/>
      <c r="AF27" s="3"/>
      <c r="AG27" s="3"/>
      <c r="AH27" s="3"/>
      <c r="AI27" s="3"/>
      <c r="AJ27" s="3"/>
      <c r="AK27" s="3"/>
      <c r="AL27" s="3"/>
      <c r="AM27" s="3"/>
      <c r="AN27" s="3"/>
      <c r="AO27" s="3"/>
      <c r="AP27" s="3"/>
      <c r="AQ27" s="3"/>
      <c r="AR27" s="19"/>
      <c r="AS27" s="19"/>
      <c r="AT27" s="19"/>
      <c r="AU27" s="19"/>
      <c r="AV27" s="19"/>
      <c r="AW27" s="19"/>
      <c r="AX27" s="19"/>
      <c r="AY27" s="19"/>
      <c r="AZ27" s="19"/>
      <c r="BA27" s="19"/>
      <c r="BB27" s="19"/>
      <c r="BC27" s="19"/>
      <c r="BD27" s="20"/>
      <c r="BE27" s="21"/>
      <c r="BF27" s="22"/>
      <c r="BG27" s="20"/>
      <c r="BJ27" s="20"/>
      <c r="BK27" s="23"/>
      <c r="BL27" s="23"/>
    </row>
    <row r="28" spans="2:64" ht="18" customHeight="1" x14ac:dyDescent="0.15">
      <c r="B28" s="18"/>
      <c r="C28" s="5" t="s">
        <v>61</v>
      </c>
      <c r="D28" s="5"/>
      <c r="E28" s="3"/>
      <c r="F28" s="3"/>
      <c r="G28" s="3"/>
      <c r="H28" s="3"/>
      <c r="I28" s="3"/>
      <c r="J28" s="3"/>
      <c r="K28" s="3"/>
      <c r="L28" s="3"/>
      <c r="M28" s="3"/>
      <c r="N28" s="3"/>
      <c r="O28" s="3"/>
      <c r="P28" s="3"/>
      <c r="Q28" s="3"/>
      <c r="R28" s="3"/>
      <c r="S28" s="3"/>
      <c r="T28" s="3"/>
      <c r="U28" s="3"/>
      <c r="V28" s="3"/>
      <c r="W28" s="3"/>
      <c r="X28" s="3"/>
      <c r="Y28" s="3"/>
      <c r="Z28" s="3"/>
      <c r="AA28" s="3"/>
      <c r="AB28" s="3"/>
      <c r="AC28" s="3"/>
      <c r="AD28" s="3"/>
      <c r="AE28" s="3"/>
      <c r="AF28" s="3"/>
      <c r="AG28" s="3"/>
      <c r="AH28" s="3"/>
      <c r="AI28" s="3"/>
      <c r="AJ28" s="3"/>
      <c r="AK28" s="3"/>
      <c r="AL28" s="3"/>
      <c r="AM28" s="3"/>
      <c r="AN28" s="3"/>
      <c r="AO28" s="3"/>
      <c r="AP28" s="3"/>
      <c r="AQ28" s="3"/>
      <c r="AR28" s="19"/>
      <c r="AS28" s="19"/>
      <c r="AT28" s="19"/>
      <c r="AU28" s="19"/>
      <c r="AV28" s="19"/>
      <c r="AW28" s="19"/>
      <c r="AX28" s="19"/>
      <c r="AY28" s="19"/>
      <c r="AZ28" s="19"/>
      <c r="BA28" s="19"/>
      <c r="BB28" s="19"/>
      <c r="BC28" s="19"/>
      <c r="BD28" s="20"/>
      <c r="BE28" s="21"/>
      <c r="BF28" s="22"/>
      <c r="BG28" s="20"/>
      <c r="BI28" s="20"/>
      <c r="BJ28" s="20"/>
      <c r="BK28" s="23"/>
      <c r="BL28" s="23"/>
    </row>
    <row r="29" spans="2:64" x14ac:dyDescent="0.15">
      <c r="B29" s="18"/>
      <c r="C29" s="3"/>
      <c r="D29" s="3"/>
      <c r="E29" s="3"/>
      <c r="F29" s="3"/>
      <c r="G29" s="3"/>
      <c r="H29" s="3"/>
      <c r="I29" s="3"/>
      <c r="J29" s="3"/>
      <c r="K29" s="3"/>
      <c r="L29" s="3"/>
      <c r="M29" s="3"/>
      <c r="N29" s="3"/>
      <c r="O29" s="3"/>
      <c r="P29" s="3"/>
      <c r="Q29" s="3"/>
      <c r="R29" s="3"/>
      <c r="S29" s="3"/>
      <c r="T29" s="3"/>
      <c r="U29" s="3"/>
      <c r="V29" s="3"/>
      <c r="W29" s="3"/>
      <c r="X29" s="3"/>
      <c r="Y29" s="3"/>
      <c r="Z29" s="3"/>
      <c r="AA29" s="3"/>
      <c r="AB29" s="3"/>
      <c r="AC29" s="3"/>
      <c r="AD29" s="3"/>
      <c r="AE29" s="3"/>
      <c r="AF29" s="3"/>
      <c r="AG29" s="3"/>
      <c r="AH29" s="3"/>
      <c r="AI29" s="3"/>
      <c r="AJ29" s="3"/>
      <c r="AK29" s="3"/>
      <c r="AL29" s="3"/>
      <c r="AM29" s="3"/>
      <c r="AN29" s="3"/>
      <c r="AO29" s="3"/>
      <c r="AP29" s="3"/>
      <c r="AQ29" s="3"/>
      <c r="AR29" s="19"/>
      <c r="AS29" s="19"/>
      <c r="AT29" s="19"/>
      <c r="AU29" s="19"/>
      <c r="AV29" s="19"/>
      <c r="AW29" s="19"/>
      <c r="AX29" s="19"/>
      <c r="AY29" s="19"/>
      <c r="AZ29" s="19"/>
      <c r="BA29" s="109" t="s">
        <v>5</v>
      </c>
      <c r="BB29" s="109"/>
      <c r="BC29" s="109"/>
      <c r="BE29" s="21"/>
      <c r="BF29" s="22"/>
      <c r="BG29" s="20"/>
      <c r="BH29" s="20"/>
    </row>
    <row r="30" spans="2:64" ht="24.75" customHeight="1" x14ac:dyDescent="0.15">
      <c r="B30" s="18"/>
      <c r="C30" s="97" t="s">
        <v>29</v>
      </c>
      <c r="D30" s="98"/>
      <c r="E30" s="98"/>
      <c r="F30" s="99"/>
      <c r="G30" s="98" t="s">
        <v>30</v>
      </c>
      <c r="H30" s="98"/>
      <c r="I30" s="98"/>
      <c r="J30" s="99"/>
      <c r="K30" s="98" t="s">
        <v>31</v>
      </c>
      <c r="L30" s="98"/>
      <c r="M30" s="98"/>
      <c r="N30" s="99"/>
      <c r="O30" s="98" t="s">
        <v>8</v>
      </c>
      <c r="P30" s="98"/>
      <c r="Q30" s="99"/>
      <c r="R30" s="98" t="s">
        <v>32</v>
      </c>
      <c r="S30" s="98"/>
      <c r="T30" s="99"/>
      <c r="U30" s="221" t="s">
        <v>33</v>
      </c>
      <c r="V30" s="222"/>
      <c r="W30" s="222"/>
      <c r="X30" s="222"/>
      <c r="Y30" s="222"/>
      <c r="Z30" s="223"/>
      <c r="AA30" s="221" t="s">
        <v>34</v>
      </c>
      <c r="AB30" s="222"/>
      <c r="AC30" s="222"/>
      <c r="AD30" s="222"/>
      <c r="AE30" s="222"/>
      <c r="AF30" s="222"/>
      <c r="AG30" s="223"/>
      <c r="AH30" s="98" t="s">
        <v>35</v>
      </c>
      <c r="AI30" s="98"/>
      <c r="AJ30" s="98"/>
      <c r="AK30" s="98"/>
      <c r="AL30" s="97" t="s">
        <v>36</v>
      </c>
      <c r="AM30" s="98"/>
      <c r="AN30" s="98"/>
      <c r="AO30" s="99"/>
      <c r="AP30" s="230" t="s">
        <v>37</v>
      </c>
      <c r="AQ30" s="231"/>
      <c r="AR30" s="232"/>
      <c r="AS30" s="230" t="s">
        <v>11</v>
      </c>
      <c r="AT30" s="231"/>
      <c r="AU30" s="236"/>
      <c r="AV30" s="238" t="s">
        <v>38</v>
      </c>
      <c r="AW30" s="239"/>
      <c r="AX30" s="239"/>
      <c r="AY30" s="240"/>
      <c r="AZ30" s="115" t="s">
        <v>16</v>
      </c>
      <c r="BA30" s="115"/>
      <c r="BB30" s="115"/>
      <c r="BC30" s="116"/>
      <c r="BE30" s="24"/>
      <c r="BF30" s="25"/>
    </row>
    <row r="31" spans="2:64" ht="24.75" customHeight="1" x14ac:dyDescent="0.15">
      <c r="B31" s="18"/>
      <c r="C31" s="100"/>
      <c r="D31" s="263"/>
      <c r="E31" s="101"/>
      <c r="F31" s="102"/>
      <c r="G31" s="101"/>
      <c r="H31" s="101"/>
      <c r="I31" s="101"/>
      <c r="J31" s="102"/>
      <c r="K31" s="101"/>
      <c r="L31" s="101"/>
      <c r="M31" s="101"/>
      <c r="N31" s="102"/>
      <c r="O31" s="101"/>
      <c r="P31" s="101"/>
      <c r="Q31" s="102"/>
      <c r="R31" s="101"/>
      <c r="S31" s="101"/>
      <c r="T31" s="102"/>
      <c r="U31" s="224"/>
      <c r="V31" s="225"/>
      <c r="W31" s="225"/>
      <c r="X31" s="225"/>
      <c r="Y31" s="225"/>
      <c r="Z31" s="226"/>
      <c r="AA31" s="224"/>
      <c r="AB31" s="225"/>
      <c r="AC31" s="225"/>
      <c r="AD31" s="225"/>
      <c r="AE31" s="225"/>
      <c r="AF31" s="225"/>
      <c r="AG31" s="226"/>
      <c r="AH31" s="101"/>
      <c r="AI31" s="101"/>
      <c r="AJ31" s="101"/>
      <c r="AK31" s="101"/>
      <c r="AL31" s="100"/>
      <c r="AM31" s="101"/>
      <c r="AN31" s="101"/>
      <c r="AO31" s="102"/>
      <c r="AP31" s="233"/>
      <c r="AQ31" s="234"/>
      <c r="AR31" s="235"/>
      <c r="AS31" s="233"/>
      <c r="AT31" s="234"/>
      <c r="AU31" s="237"/>
      <c r="AV31" s="241"/>
      <c r="AW31" s="242"/>
      <c r="AX31" s="242"/>
      <c r="AY31" s="243"/>
      <c r="AZ31" s="118"/>
      <c r="BA31" s="118"/>
      <c r="BB31" s="118"/>
      <c r="BC31" s="119"/>
      <c r="BE31" s="24"/>
      <c r="BF31" s="25"/>
    </row>
    <row r="32" spans="2:64" ht="24.75" customHeight="1" x14ac:dyDescent="0.15">
      <c r="B32" s="18"/>
      <c r="C32" s="100"/>
      <c r="D32" s="263"/>
      <c r="E32" s="101"/>
      <c r="F32" s="102"/>
      <c r="G32" s="101"/>
      <c r="H32" s="101"/>
      <c r="I32" s="101"/>
      <c r="J32" s="102"/>
      <c r="K32" s="101"/>
      <c r="L32" s="101"/>
      <c r="M32" s="101"/>
      <c r="N32" s="102"/>
      <c r="O32" s="101"/>
      <c r="P32" s="101"/>
      <c r="Q32" s="102"/>
      <c r="R32" s="101"/>
      <c r="S32" s="101"/>
      <c r="T32" s="102"/>
      <c r="U32" s="224"/>
      <c r="V32" s="225"/>
      <c r="W32" s="225"/>
      <c r="X32" s="225"/>
      <c r="Y32" s="225"/>
      <c r="Z32" s="226"/>
      <c r="AA32" s="224"/>
      <c r="AB32" s="225"/>
      <c r="AC32" s="225"/>
      <c r="AD32" s="225"/>
      <c r="AE32" s="225"/>
      <c r="AF32" s="225"/>
      <c r="AG32" s="226"/>
      <c r="AH32" s="101"/>
      <c r="AI32" s="101"/>
      <c r="AJ32" s="101"/>
      <c r="AK32" s="101"/>
      <c r="AL32" s="100"/>
      <c r="AM32" s="101"/>
      <c r="AN32" s="101"/>
      <c r="AO32" s="102"/>
      <c r="AP32" s="233"/>
      <c r="AQ32" s="234"/>
      <c r="AR32" s="235"/>
      <c r="AS32" s="233"/>
      <c r="AT32" s="234"/>
      <c r="AU32" s="237"/>
      <c r="AV32" s="241"/>
      <c r="AW32" s="242"/>
      <c r="AX32" s="242"/>
      <c r="AY32" s="243"/>
      <c r="AZ32" s="118"/>
      <c r="BA32" s="118"/>
      <c r="BB32" s="118"/>
      <c r="BC32" s="119"/>
      <c r="BE32" s="24"/>
      <c r="BF32" s="25"/>
    </row>
    <row r="33" spans="2:64" ht="17.25" customHeight="1" x14ac:dyDescent="0.15">
      <c r="B33" s="18"/>
      <c r="C33" s="100"/>
      <c r="D33" s="263"/>
      <c r="E33" s="101"/>
      <c r="F33" s="102"/>
      <c r="G33" s="101"/>
      <c r="H33" s="101"/>
      <c r="I33" s="101"/>
      <c r="J33" s="102"/>
      <c r="K33" s="101"/>
      <c r="L33" s="101"/>
      <c r="M33" s="101"/>
      <c r="N33" s="102"/>
      <c r="O33" s="101"/>
      <c r="P33" s="101"/>
      <c r="Q33" s="102"/>
      <c r="R33" s="101"/>
      <c r="S33" s="101"/>
      <c r="T33" s="102"/>
      <c r="U33" s="224"/>
      <c r="V33" s="225"/>
      <c r="W33" s="225"/>
      <c r="X33" s="225"/>
      <c r="Y33" s="225"/>
      <c r="Z33" s="226"/>
      <c r="AA33" s="224"/>
      <c r="AB33" s="225"/>
      <c r="AC33" s="225"/>
      <c r="AD33" s="225"/>
      <c r="AE33" s="225"/>
      <c r="AF33" s="225"/>
      <c r="AG33" s="226"/>
      <c r="AH33" s="101"/>
      <c r="AI33" s="101"/>
      <c r="AJ33" s="101"/>
      <c r="AK33" s="101"/>
      <c r="AL33" s="100"/>
      <c r="AM33" s="101"/>
      <c r="AN33" s="101"/>
      <c r="AO33" s="102"/>
      <c r="AP33" s="233"/>
      <c r="AQ33" s="234"/>
      <c r="AR33" s="235"/>
      <c r="AS33" s="233"/>
      <c r="AT33" s="234"/>
      <c r="AU33" s="237"/>
      <c r="AV33" s="244" t="s">
        <v>129</v>
      </c>
      <c r="AW33" s="234"/>
      <c r="AX33" s="234"/>
      <c r="AY33" s="235"/>
      <c r="AZ33" s="118"/>
      <c r="BA33" s="118"/>
      <c r="BB33" s="118"/>
      <c r="BC33" s="119"/>
      <c r="BE33" s="24"/>
      <c r="BF33" s="25"/>
    </row>
    <row r="34" spans="2:64" ht="24.75" customHeight="1" x14ac:dyDescent="0.15">
      <c r="B34" s="18"/>
      <c r="C34" s="100"/>
      <c r="D34" s="263"/>
      <c r="E34" s="101"/>
      <c r="F34" s="102"/>
      <c r="G34" s="101"/>
      <c r="H34" s="101"/>
      <c r="I34" s="101"/>
      <c r="J34" s="102"/>
      <c r="K34" s="101"/>
      <c r="L34" s="101"/>
      <c r="M34" s="101"/>
      <c r="N34" s="102"/>
      <c r="O34" s="101"/>
      <c r="P34" s="101"/>
      <c r="Q34" s="102"/>
      <c r="R34" s="101"/>
      <c r="S34" s="101"/>
      <c r="T34" s="102"/>
      <c r="U34" s="227"/>
      <c r="V34" s="228"/>
      <c r="W34" s="228"/>
      <c r="X34" s="228"/>
      <c r="Y34" s="228"/>
      <c r="Z34" s="229"/>
      <c r="AA34" s="227"/>
      <c r="AB34" s="228"/>
      <c r="AC34" s="228"/>
      <c r="AD34" s="228"/>
      <c r="AE34" s="228"/>
      <c r="AF34" s="228"/>
      <c r="AG34" s="229"/>
      <c r="AH34" s="101"/>
      <c r="AI34" s="101"/>
      <c r="AJ34" s="101"/>
      <c r="AK34" s="101"/>
      <c r="AL34" s="100"/>
      <c r="AM34" s="101"/>
      <c r="AN34" s="101"/>
      <c r="AO34" s="102"/>
      <c r="AP34" s="233" t="s">
        <v>40</v>
      </c>
      <c r="AQ34" s="234"/>
      <c r="AR34" s="235"/>
      <c r="AS34" s="245" t="s">
        <v>41</v>
      </c>
      <c r="AT34" s="246"/>
      <c r="AU34" s="247"/>
      <c r="AV34" s="245"/>
      <c r="AW34" s="246"/>
      <c r="AX34" s="246"/>
      <c r="AY34" s="247"/>
      <c r="AZ34" s="121"/>
      <c r="BA34" s="121"/>
      <c r="BB34" s="121"/>
      <c r="BC34" s="122"/>
      <c r="BE34" s="24"/>
      <c r="BF34" s="25"/>
    </row>
    <row r="35" spans="2:64" ht="21" customHeight="1" x14ac:dyDescent="0.15">
      <c r="B35" s="18"/>
      <c r="C35" s="73"/>
      <c r="D35" s="74"/>
      <c r="E35" s="74"/>
      <c r="F35" s="75"/>
      <c r="G35" s="74"/>
      <c r="H35" s="74"/>
      <c r="I35" s="74"/>
      <c r="J35" s="75"/>
      <c r="K35" s="74"/>
      <c r="L35" s="74"/>
      <c r="M35" s="74"/>
      <c r="N35" s="75"/>
      <c r="O35" s="206"/>
      <c r="P35" s="206"/>
      <c r="Q35" s="207"/>
      <c r="R35" s="206"/>
      <c r="S35" s="206"/>
      <c r="T35" s="207"/>
      <c r="U35" s="210"/>
      <c r="V35" s="211"/>
      <c r="W35" s="211"/>
      <c r="X35" s="211"/>
      <c r="Y35" s="211"/>
      <c r="Z35" s="212"/>
      <c r="AA35" s="193"/>
      <c r="AB35" s="194"/>
      <c r="AC35" s="194"/>
      <c r="AD35" s="194"/>
      <c r="AE35" s="194"/>
      <c r="AF35" s="194"/>
      <c r="AG35" s="195"/>
      <c r="AH35" s="74"/>
      <c r="AI35" s="74"/>
      <c r="AJ35" s="74"/>
      <c r="AK35" s="74"/>
      <c r="AL35" s="73"/>
      <c r="AM35" s="74"/>
      <c r="AN35" s="74"/>
      <c r="AO35" s="75"/>
      <c r="AP35" s="193"/>
      <c r="AQ35" s="194"/>
      <c r="AR35" s="195"/>
      <c r="AS35" s="199"/>
      <c r="AT35" s="151"/>
      <c r="AU35" s="200"/>
      <c r="AV35" s="150"/>
      <c r="AW35" s="151"/>
      <c r="AX35" s="151"/>
      <c r="AY35" s="152"/>
      <c r="AZ35" s="156"/>
      <c r="BA35" s="156"/>
      <c r="BB35" s="156"/>
      <c r="BC35" s="157"/>
      <c r="BE35" s="24"/>
      <c r="BF35" s="25"/>
    </row>
    <row r="36" spans="2:64" ht="21" customHeight="1" x14ac:dyDescent="0.15">
      <c r="B36" s="18"/>
      <c r="C36" s="76"/>
      <c r="D36" s="77"/>
      <c r="E36" s="77"/>
      <c r="F36" s="78"/>
      <c r="G36" s="77"/>
      <c r="H36" s="77"/>
      <c r="I36" s="77"/>
      <c r="J36" s="78"/>
      <c r="K36" s="77"/>
      <c r="L36" s="77"/>
      <c r="M36" s="77"/>
      <c r="N36" s="78"/>
      <c r="O36" s="208"/>
      <c r="P36" s="208"/>
      <c r="Q36" s="209"/>
      <c r="R36" s="208"/>
      <c r="S36" s="208"/>
      <c r="T36" s="209"/>
      <c r="U36" s="213"/>
      <c r="V36" s="214"/>
      <c r="W36" s="214"/>
      <c r="X36" s="214"/>
      <c r="Y36" s="214"/>
      <c r="Z36" s="215"/>
      <c r="AA36" s="196"/>
      <c r="AB36" s="197"/>
      <c r="AC36" s="197"/>
      <c r="AD36" s="197"/>
      <c r="AE36" s="197"/>
      <c r="AF36" s="197"/>
      <c r="AG36" s="198"/>
      <c r="AH36" s="77"/>
      <c r="AI36" s="77"/>
      <c r="AJ36" s="77"/>
      <c r="AK36" s="77"/>
      <c r="AL36" s="76"/>
      <c r="AM36" s="77"/>
      <c r="AN36" s="77"/>
      <c r="AO36" s="78"/>
      <c r="AP36" s="196"/>
      <c r="AQ36" s="197"/>
      <c r="AR36" s="198"/>
      <c r="AS36" s="201"/>
      <c r="AT36" s="202"/>
      <c r="AU36" s="203"/>
      <c r="AV36" s="204"/>
      <c r="AW36" s="202"/>
      <c r="AX36" s="202"/>
      <c r="AY36" s="205"/>
      <c r="AZ36" s="77"/>
      <c r="BA36" s="77"/>
      <c r="BB36" s="77"/>
      <c r="BC36" s="78"/>
      <c r="BE36" s="24"/>
      <c r="BF36" s="25"/>
    </row>
    <row r="37" spans="2:64" ht="21" customHeight="1" x14ac:dyDescent="0.15">
      <c r="B37" s="18"/>
      <c r="C37" s="73"/>
      <c r="D37" s="74"/>
      <c r="E37" s="74"/>
      <c r="F37" s="75"/>
      <c r="G37" s="156"/>
      <c r="H37" s="156"/>
      <c r="I37" s="156"/>
      <c r="J37" s="157"/>
      <c r="K37" s="156"/>
      <c r="L37" s="156"/>
      <c r="M37" s="156"/>
      <c r="N37" s="157"/>
      <c r="O37" s="178"/>
      <c r="P37" s="178"/>
      <c r="Q37" s="179"/>
      <c r="R37" s="178"/>
      <c r="S37" s="178"/>
      <c r="T37" s="179"/>
      <c r="U37" s="180"/>
      <c r="V37" s="181"/>
      <c r="W37" s="181"/>
      <c r="X37" s="181"/>
      <c r="Y37" s="181"/>
      <c r="Z37" s="182"/>
      <c r="AA37" s="186"/>
      <c r="AB37" s="187"/>
      <c r="AC37" s="187"/>
      <c r="AD37" s="187"/>
      <c r="AE37" s="187"/>
      <c r="AF37" s="187"/>
      <c r="AG37" s="188"/>
      <c r="AH37" s="73"/>
      <c r="AI37" s="74"/>
      <c r="AJ37" s="74"/>
      <c r="AK37" s="75"/>
      <c r="AL37" s="192"/>
      <c r="AM37" s="156"/>
      <c r="AN37" s="156"/>
      <c r="AO37" s="157"/>
      <c r="AP37" s="186"/>
      <c r="AQ37" s="187"/>
      <c r="AR37" s="188"/>
      <c r="AS37" s="216"/>
      <c r="AT37" s="217"/>
      <c r="AU37" s="218"/>
      <c r="AV37" s="150"/>
      <c r="AW37" s="151"/>
      <c r="AX37" s="151"/>
      <c r="AY37" s="152"/>
      <c r="AZ37" s="156"/>
      <c r="BA37" s="156"/>
      <c r="BB37" s="156"/>
      <c r="BC37" s="157"/>
      <c r="BE37" s="24"/>
      <c r="BF37" s="25"/>
    </row>
    <row r="38" spans="2:64" ht="21" customHeight="1" thickBot="1" x14ac:dyDescent="0.2">
      <c r="B38" s="18"/>
      <c r="C38" s="175"/>
      <c r="D38" s="176"/>
      <c r="E38" s="176"/>
      <c r="F38" s="177"/>
      <c r="G38" s="156"/>
      <c r="H38" s="156"/>
      <c r="I38" s="156"/>
      <c r="J38" s="157"/>
      <c r="K38" s="156"/>
      <c r="L38" s="156"/>
      <c r="M38" s="156"/>
      <c r="N38" s="157"/>
      <c r="O38" s="178"/>
      <c r="P38" s="178"/>
      <c r="Q38" s="179"/>
      <c r="R38" s="178"/>
      <c r="S38" s="178"/>
      <c r="T38" s="179"/>
      <c r="U38" s="183"/>
      <c r="V38" s="184"/>
      <c r="W38" s="184"/>
      <c r="X38" s="184"/>
      <c r="Y38" s="184"/>
      <c r="Z38" s="185"/>
      <c r="AA38" s="189"/>
      <c r="AB38" s="190"/>
      <c r="AC38" s="190"/>
      <c r="AD38" s="190"/>
      <c r="AE38" s="190"/>
      <c r="AF38" s="190"/>
      <c r="AG38" s="191"/>
      <c r="AH38" s="175"/>
      <c r="AI38" s="176"/>
      <c r="AJ38" s="176"/>
      <c r="AK38" s="177"/>
      <c r="AL38" s="192"/>
      <c r="AM38" s="156"/>
      <c r="AN38" s="156"/>
      <c r="AO38" s="157"/>
      <c r="AP38" s="189"/>
      <c r="AQ38" s="190"/>
      <c r="AR38" s="191"/>
      <c r="AS38" s="219"/>
      <c r="AT38" s="154"/>
      <c r="AU38" s="220"/>
      <c r="AV38" s="153"/>
      <c r="AW38" s="154"/>
      <c r="AX38" s="154"/>
      <c r="AY38" s="155"/>
      <c r="AZ38" s="156"/>
      <c r="BA38" s="156"/>
      <c r="BB38" s="156"/>
      <c r="BC38" s="157"/>
      <c r="BE38" s="24"/>
      <c r="BF38" s="25"/>
    </row>
    <row r="39" spans="2:64" ht="24.75" customHeight="1" thickTop="1" x14ac:dyDescent="0.15">
      <c r="B39" s="18"/>
      <c r="C39" s="32"/>
      <c r="D39" s="38"/>
      <c r="E39" s="38"/>
      <c r="F39" s="40"/>
      <c r="G39" s="33"/>
      <c r="H39" s="56"/>
      <c r="I39" s="56"/>
      <c r="J39" s="57"/>
      <c r="K39" s="56"/>
      <c r="L39" s="56"/>
      <c r="M39" s="56"/>
      <c r="N39" s="57"/>
      <c r="O39" s="56"/>
      <c r="P39" s="56"/>
      <c r="Q39" s="57"/>
      <c r="R39" s="56"/>
      <c r="S39" s="56"/>
      <c r="T39" s="57"/>
      <c r="U39" s="158"/>
      <c r="V39" s="159"/>
      <c r="W39" s="159"/>
      <c r="X39" s="159"/>
      <c r="Y39" s="159"/>
      <c r="Z39" s="160"/>
      <c r="AA39" s="161"/>
      <c r="AB39" s="161"/>
      <c r="AC39" s="161"/>
      <c r="AD39" s="161"/>
      <c r="AE39" s="161"/>
      <c r="AF39" s="161"/>
      <c r="AG39" s="162"/>
      <c r="AH39" s="59"/>
      <c r="AI39" s="59"/>
      <c r="AJ39" s="59"/>
      <c r="AK39" s="59"/>
      <c r="AL39" s="163"/>
      <c r="AM39" s="161"/>
      <c r="AN39" s="161"/>
      <c r="AO39" s="162"/>
      <c r="AP39" s="164"/>
      <c r="AQ39" s="165"/>
      <c r="AR39" s="166"/>
      <c r="AS39" s="164"/>
      <c r="AT39" s="165"/>
      <c r="AU39" s="167"/>
      <c r="AV39" s="168"/>
      <c r="AW39" s="165"/>
      <c r="AX39" s="165"/>
      <c r="AY39" s="166"/>
      <c r="AZ39" s="56"/>
      <c r="BA39" s="56"/>
      <c r="BB39" s="56"/>
      <c r="BC39" s="57"/>
      <c r="BE39" s="24"/>
      <c r="BF39" s="25"/>
    </row>
    <row r="40" spans="2:64" ht="10.5" customHeight="1" x14ac:dyDescent="0.15">
      <c r="B40" s="18"/>
      <c r="C40" s="5"/>
      <c r="D40" s="5"/>
      <c r="E40" s="3"/>
      <c r="F40" s="3"/>
      <c r="G40" s="3"/>
      <c r="H40" s="3"/>
      <c r="I40" s="3"/>
      <c r="J40" s="3"/>
      <c r="K40" s="3"/>
      <c r="L40" s="3"/>
      <c r="M40" s="3"/>
      <c r="N40" s="3"/>
      <c r="O40" s="3"/>
      <c r="P40" s="3"/>
      <c r="Q40" s="3"/>
      <c r="R40" s="3"/>
      <c r="S40" s="3"/>
      <c r="T40" s="3"/>
      <c r="U40" s="3"/>
      <c r="V40" s="3"/>
      <c r="W40" s="3"/>
      <c r="X40" s="3"/>
      <c r="Y40" s="3"/>
      <c r="Z40" s="3"/>
      <c r="AA40" s="3"/>
      <c r="AB40" s="3"/>
      <c r="AC40" s="3"/>
      <c r="AD40" s="3"/>
      <c r="AE40" s="3"/>
      <c r="AF40" s="3"/>
      <c r="AG40" s="3"/>
      <c r="AH40" s="3"/>
      <c r="AI40" s="3"/>
      <c r="AJ40" s="3"/>
      <c r="AK40" s="3"/>
      <c r="AL40" s="3"/>
      <c r="AM40" s="3"/>
      <c r="AN40" s="3"/>
      <c r="AO40" s="3"/>
      <c r="AP40" s="3"/>
      <c r="AQ40" s="3"/>
      <c r="AR40" s="19"/>
      <c r="AS40" s="19"/>
      <c r="AT40" s="19"/>
      <c r="AU40" s="19"/>
      <c r="AV40" s="19"/>
      <c r="AW40" s="19"/>
      <c r="AX40" s="19"/>
      <c r="AY40" s="19"/>
      <c r="AZ40" s="19"/>
      <c r="BA40" s="19"/>
      <c r="BB40" s="19"/>
      <c r="BC40" s="19"/>
      <c r="BD40" s="20"/>
      <c r="BE40" s="21"/>
      <c r="BF40" s="22"/>
      <c r="BG40" s="20"/>
      <c r="BJ40" s="20"/>
      <c r="BK40" s="23"/>
      <c r="BL40" s="23"/>
    </row>
    <row r="41" spans="2:64" x14ac:dyDescent="0.15">
      <c r="B41" s="18"/>
      <c r="C41" s="5" t="s">
        <v>62</v>
      </c>
      <c r="D41" s="5"/>
      <c r="E41" s="3"/>
      <c r="F41" s="3"/>
      <c r="G41" s="3"/>
      <c r="H41" s="3"/>
      <c r="I41" s="3"/>
      <c r="J41" s="3"/>
      <c r="K41" s="3"/>
      <c r="L41" s="3"/>
      <c r="M41" s="3"/>
      <c r="N41" s="3"/>
      <c r="O41" s="3"/>
      <c r="P41" s="3"/>
      <c r="Q41" s="3"/>
      <c r="R41" s="3"/>
      <c r="S41" s="3"/>
      <c r="T41" s="3"/>
      <c r="U41" s="3"/>
      <c r="V41" s="3"/>
      <c r="W41" s="3"/>
      <c r="X41" s="3"/>
      <c r="Y41" s="3"/>
      <c r="Z41" s="3"/>
      <c r="AA41" s="3"/>
      <c r="AB41" s="3"/>
      <c r="AC41" s="3"/>
      <c r="AD41" s="3"/>
      <c r="AE41" s="3"/>
      <c r="AF41" s="3"/>
      <c r="AG41" s="3"/>
      <c r="AH41" s="3"/>
      <c r="AI41" s="3"/>
      <c r="AJ41" s="3"/>
      <c r="AK41" s="3"/>
      <c r="AL41" s="3"/>
      <c r="AM41" s="3"/>
      <c r="AN41" s="3"/>
      <c r="AO41" s="3"/>
      <c r="AP41" s="3"/>
      <c r="AQ41" s="3"/>
      <c r="AR41" s="19"/>
      <c r="AS41" s="19"/>
      <c r="AT41" s="19"/>
      <c r="AU41" s="19"/>
      <c r="AV41" s="19"/>
      <c r="AW41" s="19"/>
      <c r="AX41" s="19"/>
      <c r="AY41" s="19"/>
      <c r="AZ41" s="19"/>
      <c r="BA41" s="19"/>
      <c r="BB41" s="19"/>
      <c r="BC41" s="19"/>
      <c r="BD41" s="20"/>
      <c r="BE41" s="21"/>
      <c r="BF41" s="22"/>
      <c r="BG41" s="20"/>
      <c r="BI41" s="20"/>
      <c r="BJ41" s="20"/>
      <c r="BK41" s="23"/>
      <c r="BL41" s="23"/>
    </row>
    <row r="42" spans="2:64" x14ac:dyDescent="0.15">
      <c r="B42" s="18"/>
      <c r="C42" s="3"/>
      <c r="D42" s="3"/>
      <c r="E42" s="3"/>
      <c r="F42" s="3"/>
      <c r="G42" s="3"/>
      <c r="H42" s="3"/>
      <c r="I42" s="3"/>
      <c r="J42" s="3"/>
      <c r="K42" s="3"/>
      <c r="L42" s="3"/>
      <c r="M42" s="3"/>
      <c r="N42" s="3"/>
      <c r="O42" s="3"/>
      <c r="P42" s="3"/>
      <c r="Q42" s="3"/>
      <c r="R42" s="3"/>
      <c r="S42" s="3"/>
      <c r="T42" s="3"/>
      <c r="U42" s="3"/>
      <c r="V42" s="3"/>
      <c r="W42" s="3"/>
      <c r="X42" s="3"/>
      <c r="Y42" s="3"/>
      <c r="Z42" s="3"/>
      <c r="AA42" s="3"/>
      <c r="AB42" s="3"/>
      <c r="AC42" s="3"/>
      <c r="AD42" s="3"/>
      <c r="AE42" s="3"/>
      <c r="AF42" s="3"/>
      <c r="AG42" s="3"/>
      <c r="AH42" s="3"/>
      <c r="AI42" s="3"/>
      <c r="AJ42" s="3"/>
      <c r="AK42" s="3"/>
      <c r="AL42" s="3"/>
      <c r="AM42" s="3"/>
      <c r="AN42" s="3"/>
      <c r="AO42" s="3"/>
      <c r="AP42" s="3"/>
      <c r="AQ42" s="3"/>
      <c r="AR42" s="19"/>
      <c r="AS42" s="19"/>
      <c r="AT42" s="19"/>
      <c r="AU42" s="19"/>
      <c r="AV42" s="19"/>
      <c r="AW42" s="19"/>
      <c r="AX42" s="19"/>
      <c r="AY42" s="19"/>
      <c r="AZ42" s="19"/>
      <c r="BA42" s="109" t="s">
        <v>5</v>
      </c>
      <c r="BB42" s="109"/>
      <c r="BC42" s="109"/>
      <c r="BE42" s="21"/>
      <c r="BF42" s="22"/>
      <c r="BG42" s="20"/>
      <c r="BH42" s="20"/>
    </row>
    <row r="43" spans="2:64" ht="24.75" customHeight="1" x14ac:dyDescent="0.15">
      <c r="B43" s="18"/>
      <c r="C43" s="97" t="s">
        <v>29</v>
      </c>
      <c r="D43" s="98"/>
      <c r="E43" s="98"/>
      <c r="F43" s="99"/>
      <c r="G43" s="98" t="s">
        <v>30</v>
      </c>
      <c r="H43" s="98"/>
      <c r="I43" s="98"/>
      <c r="J43" s="99"/>
      <c r="K43" s="98" t="s">
        <v>31</v>
      </c>
      <c r="L43" s="98"/>
      <c r="M43" s="98"/>
      <c r="N43" s="99"/>
      <c r="O43" s="98" t="s">
        <v>8</v>
      </c>
      <c r="P43" s="98"/>
      <c r="Q43" s="99"/>
      <c r="R43" s="98" t="s">
        <v>32</v>
      </c>
      <c r="S43" s="98"/>
      <c r="T43" s="99"/>
      <c r="U43" s="221" t="s">
        <v>33</v>
      </c>
      <c r="V43" s="222"/>
      <c r="W43" s="222"/>
      <c r="X43" s="222"/>
      <c r="Y43" s="222"/>
      <c r="Z43" s="223"/>
      <c r="AA43" s="221" t="s">
        <v>34</v>
      </c>
      <c r="AB43" s="222"/>
      <c r="AC43" s="222"/>
      <c r="AD43" s="222"/>
      <c r="AE43" s="222"/>
      <c r="AF43" s="222"/>
      <c r="AG43" s="223"/>
      <c r="AH43" s="98" t="s">
        <v>35</v>
      </c>
      <c r="AI43" s="98"/>
      <c r="AJ43" s="98"/>
      <c r="AK43" s="98"/>
      <c r="AL43" s="97" t="s">
        <v>36</v>
      </c>
      <c r="AM43" s="98"/>
      <c r="AN43" s="98"/>
      <c r="AO43" s="99"/>
      <c r="AP43" s="230" t="s">
        <v>37</v>
      </c>
      <c r="AQ43" s="231"/>
      <c r="AR43" s="232"/>
      <c r="AS43" s="230" t="s">
        <v>11</v>
      </c>
      <c r="AT43" s="231"/>
      <c r="AU43" s="236"/>
      <c r="AV43" s="238" t="s">
        <v>38</v>
      </c>
      <c r="AW43" s="239"/>
      <c r="AX43" s="239"/>
      <c r="AY43" s="240"/>
      <c r="AZ43" s="115" t="s">
        <v>16</v>
      </c>
      <c r="BA43" s="115"/>
      <c r="BB43" s="115"/>
      <c r="BC43" s="116"/>
      <c r="BE43" s="24"/>
      <c r="BF43" s="25"/>
    </row>
    <row r="44" spans="2:64" ht="24.75" customHeight="1" x14ac:dyDescent="0.15">
      <c r="B44" s="18"/>
      <c r="C44" s="100"/>
      <c r="D44" s="263"/>
      <c r="E44" s="101"/>
      <c r="F44" s="102"/>
      <c r="G44" s="101"/>
      <c r="H44" s="101"/>
      <c r="I44" s="101"/>
      <c r="J44" s="102"/>
      <c r="K44" s="101"/>
      <c r="L44" s="101"/>
      <c r="M44" s="101"/>
      <c r="N44" s="102"/>
      <c r="O44" s="101"/>
      <c r="P44" s="101"/>
      <c r="Q44" s="102"/>
      <c r="R44" s="101"/>
      <c r="S44" s="101"/>
      <c r="T44" s="102"/>
      <c r="U44" s="224"/>
      <c r="V44" s="225"/>
      <c r="W44" s="225"/>
      <c r="X44" s="225"/>
      <c r="Y44" s="225"/>
      <c r="Z44" s="226"/>
      <c r="AA44" s="224"/>
      <c r="AB44" s="225"/>
      <c r="AC44" s="225"/>
      <c r="AD44" s="225"/>
      <c r="AE44" s="225"/>
      <c r="AF44" s="225"/>
      <c r="AG44" s="226"/>
      <c r="AH44" s="101"/>
      <c r="AI44" s="101"/>
      <c r="AJ44" s="101"/>
      <c r="AK44" s="101"/>
      <c r="AL44" s="100"/>
      <c r="AM44" s="101"/>
      <c r="AN44" s="101"/>
      <c r="AO44" s="102"/>
      <c r="AP44" s="233"/>
      <c r="AQ44" s="234"/>
      <c r="AR44" s="235"/>
      <c r="AS44" s="233"/>
      <c r="AT44" s="234"/>
      <c r="AU44" s="237"/>
      <c r="AV44" s="241"/>
      <c r="AW44" s="242"/>
      <c r="AX44" s="242"/>
      <c r="AY44" s="243"/>
      <c r="AZ44" s="118"/>
      <c r="BA44" s="118"/>
      <c r="BB44" s="118"/>
      <c r="BC44" s="119"/>
      <c r="BE44" s="24"/>
      <c r="BF44" s="25"/>
    </row>
    <row r="45" spans="2:64" ht="24.75" customHeight="1" x14ac:dyDescent="0.15">
      <c r="B45" s="18"/>
      <c r="C45" s="100"/>
      <c r="D45" s="263"/>
      <c r="E45" s="101"/>
      <c r="F45" s="102"/>
      <c r="G45" s="101"/>
      <c r="H45" s="101"/>
      <c r="I45" s="101"/>
      <c r="J45" s="102"/>
      <c r="K45" s="101"/>
      <c r="L45" s="101"/>
      <c r="M45" s="101"/>
      <c r="N45" s="102"/>
      <c r="O45" s="101"/>
      <c r="P45" s="101"/>
      <c r="Q45" s="102"/>
      <c r="R45" s="101"/>
      <c r="S45" s="101"/>
      <c r="T45" s="102"/>
      <c r="U45" s="224"/>
      <c r="V45" s="225"/>
      <c r="W45" s="225"/>
      <c r="X45" s="225"/>
      <c r="Y45" s="225"/>
      <c r="Z45" s="226"/>
      <c r="AA45" s="224"/>
      <c r="AB45" s="225"/>
      <c r="AC45" s="225"/>
      <c r="AD45" s="225"/>
      <c r="AE45" s="225"/>
      <c r="AF45" s="225"/>
      <c r="AG45" s="226"/>
      <c r="AH45" s="101"/>
      <c r="AI45" s="101"/>
      <c r="AJ45" s="101"/>
      <c r="AK45" s="101"/>
      <c r="AL45" s="100"/>
      <c r="AM45" s="101"/>
      <c r="AN45" s="101"/>
      <c r="AO45" s="102"/>
      <c r="AP45" s="233"/>
      <c r="AQ45" s="234"/>
      <c r="AR45" s="235"/>
      <c r="AS45" s="233"/>
      <c r="AT45" s="234"/>
      <c r="AU45" s="237"/>
      <c r="AV45" s="241"/>
      <c r="AW45" s="242"/>
      <c r="AX45" s="242"/>
      <c r="AY45" s="243"/>
      <c r="AZ45" s="118"/>
      <c r="BA45" s="118"/>
      <c r="BB45" s="118"/>
      <c r="BC45" s="119"/>
      <c r="BE45" s="24"/>
      <c r="BF45" s="25"/>
    </row>
    <row r="46" spans="2:64" ht="17.25" customHeight="1" x14ac:dyDescent="0.15">
      <c r="B46" s="18"/>
      <c r="C46" s="100"/>
      <c r="D46" s="263"/>
      <c r="E46" s="101"/>
      <c r="F46" s="102"/>
      <c r="G46" s="101"/>
      <c r="H46" s="101"/>
      <c r="I46" s="101"/>
      <c r="J46" s="102"/>
      <c r="K46" s="101"/>
      <c r="L46" s="101"/>
      <c r="M46" s="101"/>
      <c r="N46" s="102"/>
      <c r="O46" s="101"/>
      <c r="P46" s="101"/>
      <c r="Q46" s="102"/>
      <c r="R46" s="101"/>
      <c r="S46" s="101"/>
      <c r="T46" s="102"/>
      <c r="U46" s="224"/>
      <c r="V46" s="225"/>
      <c r="W46" s="225"/>
      <c r="X46" s="225"/>
      <c r="Y46" s="225"/>
      <c r="Z46" s="226"/>
      <c r="AA46" s="224"/>
      <c r="AB46" s="225"/>
      <c r="AC46" s="225"/>
      <c r="AD46" s="225"/>
      <c r="AE46" s="225"/>
      <c r="AF46" s="225"/>
      <c r="AG46" s="226"/>
      <c r="AH46" s="101"/>
      <c r="AI46" s="101"/>
      <c r="AJ46" s="101"/>
      <c r="AK46" s="101"/>
      <c r="AL46" s="100"/>
      <c r="AM46" s="101"/>
      <c r="AN46" s="101"/>
      <c r="AO46" s="102"/>
      <c r="AP46" s="233"/>
      <c r="AQ46" s="234"/>
      <c r="AR46" s="235"/>
      <c r="AS46" s="233"/>
      <c r="AT46" s="234"/>
      <c r="AU46" s="237"/>
      <c r="AV46" s="244" t="s">
        <v>128</v>
      </c>
      <c r="AW46" s="234"/>
      <c r="AX46" s="234"/>
      <c r="AY46" s="235"/>
      <c r="AZ46" s="118"/>
      <c r="BA46" s="118"/>
      <c r="BB46" s="118"/>
      <c r="BC46" s="119"/>
      <c r="BE46" s="24"/>
      <c r="BF46" s="25"/>
    </row>
    <row r="47" spans="2:64" ht="24.75" customHeight="1" x14ac:dyDescent="0.15">
      <c r="B47" s="18"/>
      <c r="C47" s="100"/>
      <c r="D47" s="263"/>
      <c r="E47" s="101"/>
      <c r="F47" s="102"/>
      <c r="G47" s="101"/>
      <c r="H47" s="101"/>
      <c r="I47" s="101"/>
      <c r="J47" s="102"/>
      <c r="K47" s="101"/>
      <c r="L47" s="101"/>
      <c r="M47" s="101"/>
      <c r="N47" s="102"/>
      <c r="O47" s="101"/>
      <c r="P47" s="101"/>
      <c r="Q47" s="102"/>
      <c r="R47" s="101"/>
      <c r="S47" s="101"/>
      <c r="T47" s="102"/>
      <c r="U47" s="227"/>
      <c r="V47" s="228"/>
      <c r="W47" s="228"/>
      <c r="X47" s="228"/>
      <c r="Y47" s="228"/>
      <c r="Z47" s="229"/>
      <c r="AA47" s="227"/>
      <c r="AB47" s="228"/>
      <c r="AC47" s="228"/>
      <c r="AD47" s="228"/>
      <c r="AE47" s="228"/>
      <c r="AF47" s="228"/>
      <c r="AG47" s="229"/>
      <c r="AH47" s="101"/>
      <c r="AI47" s="101"/>
      <c r="AJ47" s="101"/>
      <c r="AK47" s="101"/>
      <c r="AL47" s="100"/>
      <c r="AM47" s="101"/>
      <c r="AN47" s="101"/>
      <c r="AO47" s="102"/>
      <c r="AP47" s="233" t="s">
        <v>40</v>
      </c>
      <c r="AQ47" s="234"/>
      <c r="AR47" s="235"/>
      <c r="AS47" s="245" t="s">
        <v>41</v>
      </c>
      <c r="AT47" s="246"/>
      <c r="AU47" s="247"/>
      <c r="AV47" s="245"/>
      <c r="AW47" s="246"/>
      <c r="AX47" s="246"/>
      <c r="AY47" s="247"/>
      <c r="AZ47" s="121"/>
      <c r="BA47" s="121"/>
      <c r="BB47" s="121"/>
      <c r="BC47" s="122"/>
      <c r="BE47" s="24"/>
      <c r="BF47" s="25"/>
    </row>
    <row r="48" spans="2:64" ht="21" customHeight="1" x14ac:dyDescent="0.15">
      <c r="B48" s="18"/>
      <c r="C48" s="73"/>
      <c r="D48" s="74"/>
      <c r="E48" s="74"/>
      <c r="F48" s="75"/>
      <c r="G48" s="74"/>
      <c r="H48" s="74"/>
      <c r="I48" s="74"/>
      <c r="J48" s="75"/>
      <c r="K48" s="74"/>
      <c r="L48" s="74"/>
      <c r="M48" s="74"/>
      <c r="N48" s="75"/>
      <c r="O48" s="206"/>
      <c r="P48" s="206"/>
      <c r="Q48" s="207"/>
      <c r="R48" s="206"/>
      <c r="S48" s="206"/>
      <c r="T48" s="207"/>
      <c r="U48" s="210"/>
      <c r="V48" s="211"/>
      <c r="W48" s="211"/>
      <c r="X48" s="211"/>
      <c r="Y48" s="211"/>
      <c r="Z48" s="212"/>
      <c r="AA48" s="193"/>
      <c r="AB48" s="194"/>
      <c r="AC48" s="194"/>
      <c r="AD48" s="194"/>
      <c r="AE48" s="194"/>
      <c r="AF48" s="194"/>
      <c r="AG48" s="195"/>
      <c r="AH48" s="74"/>
      <c r="AI48" s="74"/>
      <c r="AJ48" s="74"/>
      <c r="AK48" s="74"/>
      <c r="AL48" s="73"/>
      <c r="AM48" s="74"/>
      <c r="AN48" s="74"/>
      <c r="AO48" s="75"/>
      <c r="AP48" s="193"/>
      <c r="AQ48" s="194"/>
      <c r="AR48" s="195"/>
      <c r="AS48" s="300"/>
      <c r="AT48" s="301"/>
      <c r="AU48" s="302"/>
      <c r="AV48" s="150"/>
      <c r="AW48" s="151"/>
      <c r="AX48" s="151"/>
      <c r="AY48" s="152"/>
      <c r="AZ48" s="156"/>
      <c r="BA48" s="156"/>
      <c r="BB48" s="156"/>
      <c r="BC48" s="157"/>
      <c r="BE48" s="24"/>
      <c r="BF48" s="25"/>
    </row>
    <row r="49" spans="2:59" ht="21" customHeight="1" x14ac:dyDescent="0.15">
      <c r="B49" s="18"/>
      <c r="C49" s="76"/>
      <c r="D49" s="77"/>
      <c r="E49" s="77"/>
      <c r="F49" s="78"/>
      <c r="G49" s="77"/>
      <c r="H49" s="77"/>
      <c r="I49" s="77"/>
      <c r="J49" s="78"/>
      <c r="K49" s="77"/>
      <c r="L49" s="77"/>
      <c r="M49" s="77"/>
      <c r="N49" s="78"/>
      <c r="O49" s="208"/>
      <c r="P49" s="208"/>
      <c r="Q49" s="209"/>
      <c r="R49" s="208"/>
      <c r="S49" s="208"/>
      <c r="T49" s="209"/>
      <c r="U49" s="213"/>
      <c r="V49" s="214"/>
      <c r="W49" s="214"/>
      <c r="X49" s="214"/>
      <c r="Y49" s="214"/>
      <c r="Z49" s="215"/>
      <c r="AA49" s="196"/>
      <c r="AB49" s="197"/>
      <c r="AC49" s="197"/>
      <c r="AD49" s="197"/>
      <c r="AE49" s="197"/>
      <c r="AF49" s="197"/>
      <c r="AG49" s="198"/>
      <c r="AH49" s="77"/>
      <c r="AI49" s="77"/>
      <c r="AJ49" s="77"/>
      <c r="AK49" s="77"/>
      <c r="AL49" s="76"/>
      <c r="AM49" s="77"/>
      <c r="AN49" s="77"/>
      <c r="AO49" s="78"/>
      <c r="AP49" s="196"/>
      <c r="AQ49" s="197"/>
      <c r="AR49" s="198"/>
      <c r="AS49" s="303"/>
      <c r="AT49" s="304"/>
      <c r="AU49" s="305"/>
      <c r="AV49" s="204"/>
      <c r="AW49" s="202"/>
      <c r="AX49" s="202"/>
      <c r="AY49" s="205"/>
      <c r="AZ49" s="77"/>
      <c r="BA49" s="77"/>
      <c r="BB49" s="77"/>
      <c r="BC49" s="78"/>
      <c r="BE49" s="24"/>
      <c r="BF49" s="25"/>
    </row>
    <row r="50" spans="2:59" ht="21" customHeight="1" x14ac:dyDescent="0.15">
      <c r="B50" s="18"/>
      <c r="C50" s="73"/>
      <c r="D50" s="74"/>
      <c r="E50" s="74"/>
      <c r="F50" s="75"/>
      <c r="G50" s="156"/>
      <c r="H50" s="156"/>
      <c r="I50" s="156"/>
      <c r="J50" s="157"/>
      <c r="K50" s="156"/>
      <c r="L50" s="156"/>
      <c r="M50" s="156"/>
      <c r="N50" s="157"/>
      <c r="O50" s="178"/>
      <c r="P50" s="178"/>
      <c r="Q50" s="179"/>
      <c r="R50" s="178"/>
      <c r="S50" s="178"/>
      <c r="T50" s="179"/>
      <c r="U50" s="180"/>
      <c r="V50" s="181"/>
      <c r="W50" s="181"/>
      <c r="X50" s="181"/>
      <c r="Y50" s="181"/>
      <c r="Z50" s="182"/>
      <c r="AA50" s="186"/>
      <c r="AB50" s="187"/>
      <c r="AC50" s="187"/>
      <c r="AD50" s="187"/>
      <c r="AE50" s="187"/>
      <c r="AF50" s="187"/>
      <c r="AG50" s="188"/>
      <c r="AH50" s="73"/>
      <c r="AI50" s="74"/>
      <c r="AJ50" s="74"/>
      <c r="AK50" s="75"/>
      <c r="AL50" s="192"/>
      <c r="AM50" s="156"/>
      <c r="AN50" s="156"/>
      <c r="AO50" s="157"/>
      <c r="AP50" s="186"/>
      <c r="AQ50" s="187"/>
      <c r="AR50" s="188"/>
      <c r="AS50" s="216"/>
      <c r="AT50" s="217"/>
      <c r="AU50" s="218"/>
      <c r="AV50" s="150"/>
      <c r="AW50" s="151"/>
      <c r="AX50" s="151"/>
      <c r="AY50" s="152"/>
      <c r="AZ50" s="156"/>
      <c r="BA50" s="156"/>
      <c r="BB50" s="156"/>
      <c r="BC50" s="157"/>
      <c r="BE50" s="24"/>
      <c r="BF50" s="25"/>
    </row>
    <row r="51" spans="2:59" ht="21" customHeight="1" thickBot="1" x14ac:dyDescent="0.2">
      <c r="B51" s="18"/>
      <c r="C51" s="175"/>
      <c r="D51" s="176"/>
      <c r="E51" s="176"/>
      <c r="F51" s="177"/>
      <c r="G51" s="156"/>
      <c r="H51" s="156"/>
      <c r="I51" s="156"/>
      <c r="J51" s="157"/>
      <c r="K51" s="156"/>
      <c r="L51" s="156"/>
      <c r="M51" s="156"/>
      <c r="N51" s="157"/>
      <c r="O51" s="178"/>
      <c r="P51" s="178"/>
      <c r="Q51" s="179"/>
      <c r="R51" s="178"/>
      <c r="S51" s="178"/>
      <c r="T51" s="179"/>
      <c r="U51" s="183"/>
      <c r="V51" s="184"/>
      <c r="W51" s="184"/>
      <c r="X51" s="184"/>
      <c r="Y51" s="184"/>
      <c r="Z51" s="185"/>
      <c r="AA51" s="189"/>
      <c r="AB51" s="190"/>
      <c r="AC51" s="190"/>
      <c r="AD51" s="190"/>
      <c r="AE51" s="190"/>
      <c r="AF51" s="190"/>
      <c r="AG51" s="191"/>
      <c r="AH51" s="175"/>
      <c r="AI51" s="176"/>
      <c r="AJ51" s="176"/>
      <c r="AK51" s="177"/>
      <c r="AL51" s="192"/>
      <c r="AM51" s="156"/>
      <c r="AN51" s="156"/>
      <c r="AO51" s="157"/>
      <c r="AP51" s="189"/>
      <c r="AQ51" s="190"/>
      <c r="AR51" s="191"/>
      <c r="AS51" s="219"/>
      <c r="AT51" s="154"/>
      <c r="AU51" s="220"/>
      <c r="AV51" s="153"/>
      <c r="AW51" s="154"/>
      <c r="AX51" s="154"/>
      <c r="AY51" s="155"/>
      <c r="AZ51" s="156"/>
      <c r="BA51" s="156"/>
      <c r="BB51" s="156"/>
      <c r="BC51" s="157"/>
      <c r="BE51" s="24"/>
      <c r="BF51" s="25"/>
    </row>
    <row r="52" spans="2:59" ht="24.75" customHeight="1" thickTop="1" x14ac:dyDescent="0.15">
      <c r="B52" s="18"/>
      <c r="C52" s="32"/>
      <c r="D52" s="38"/>
      <c r="E52" s="38"/>
      <c r="F52" s="40"/>
      <c r="G52" s="33"/>
      <c r="H52" s="56"/>
      <c r="I52" s="56"/>
      <c r="J52" s="57"/>
      <c r="K52" s="56"/>
      <c r="L52" s="56"/>
      <c r="M52" s="56"/>
      <c r="N52" s="57"/>
      <c r="O52" s="56"/>
      <c r="P52" s="56"/>
      <c r="Q52" s="57"/>
      <c r="R52" s="56"/>
      <c r="S52" s="56"/>
      <c r="T52" s="57"/>
      <c r="U52" s="158"/>
      <c r="V52" s="159"/>
      <c r="W52" s="159"/>
      <c r="X52" s="159"/>
      <c r="Y52" s="159"/>
      <c r="Z52" s="160"/>
      <c r="AA52" s="161"/>
      <c r="AB52" s="161"/>
      <c r="AC52" s="161"/>
      <c r="AD52" s="161"/>
      <c r="AE52" s="161"/>
      <c r="AF52" s="161"/>
      <c r="AG52" s="162"/>
      <c r="AH52" s="59"/>
      <c r="AI52" s="59"/>
      <c r="AJ52" s="59"/>
      <c r="AK52" s="59"/>
      <c r="AL52" s="163"/>
      <c r="AM52" s="161"/>
      <c r="AN52" s="161"/>
      <c r="AO52" s="162"/>
      <c r="AP52" s="164"/>
      <c r="AQ52" s="165"/>
      <c r="AR52" s="166"/>
      <c r="AS52" s="164"/>
      <c r="AT52" s="165"/>
      <c r="AU52" s="167"/>
      <c r="AV52" s="168"/>
      <c r="AW52" s="165"/>
      <c r="AX52" s="165"/>
      <c r="AY52" s="166"/>
      <c r="AZ52" s="56"/>
      <c r="BA52" s="56"/>
      <c r="BB52" s="56"/>
      <c r="BC52" s="57"/>
      <c r="BE52" s="24"/>
      <c r="BF52" s="25"/>
    </row>
    <row r="53" spans="2:59" x14ac:dyDescent="0.15">
      <c r="B53" s="18"/>
      <c r="C53" s="5"/>
      <c r="D53" s="5"/>
      <c r="E53" s="3"/>
      <c r="F53" s="3"/>
      <c r="G53" s="3"/>
      <c r="H53" s="3"/>
      <c r="I53" s="3"/>
      <c r="J53" s="3"/>
      <c r="K53" s="3"/>
      <c r="L53" s="3"/>
      <c r="M53" s="3"/>
      <c r="N53" s="3"/>
      <c r="O53" s="3"/>
      <c r="P53" s="3"/>
      <c r="Q53" s="3"/>
      <c r="R53" s="3"/>
      <c r="S53" s="3"/>
      <c r="T53" s="3"/>
      <c r="U53" s="3"/>
      <c r="V53" s="3"/>
      <c r="W53" s="3"/>
      <c r="X53" s="3"/>
      <c r="Y53" s="3"/>
      <c r="Z53" s="3"/>
      <c r="AA53" s="3"/>
      <c r="AB53" s="3"/>
      <c r="AC53" s="3"/>
      <c r="AD53" s="3"/>
      <c r="AE53" s="3"/>
      <c r="AF53" s="3"/>
      <c r="AG53" s="3"/>
      <c r="AH53" s="3"/>
      <c r="AI53" s="3"/>
      <c r="AJ53" s="3"/>
      <c r="AK53" s="3"/>
      <c r="AL53" s="3"/>
      <c r="AM53" s="3"/>
      <c r="AN53" s="3"/>
      <c r="AO53" s="3"/>
      <c r="AP53" s="3"/>
      <c r="AQ53" s="3"/>
      <c r="AR53" s="19"/>
      <c r="AS53" s="19"/>
      <c r="AT53" s="19"/>
      <c r="AU53" s="19"/>
      <c r="AV53" s="19"/>
      <c r="AW53" s="19"/>
      <c r="AX53" s="19"/>
      <c r="AY53" s="19"/>
      <c r="AZ53" s="19"/>
      <c r="BE53" s="21"/>
      <c r="BF53" s="22"/>
      <c r="BG53" s="20"/>
    </row>
    <row r="54" spans="2:59" x14ac:dyDescent="0.15">
      <c r="B54" s="18"/>
      <c r="C54" s="5" t="s">
        <v>63</v>
      </c>
      <c r="D54" s="5"/>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c r="AG54" s="3"/>
      <c r="AH54" s="3"/>
      <c r="AI54" s="3"/>
      <c r="AJ54" s="3"/>
      <c r="AK54" s="3"/>
      <c r="AL54" s="3"/>
      <c r="AM54" s="3"/>
      <c r="AN54" s="3"/>
      <c r="AO54" s="3"/>
      <c r="AP54" s="3"/>
      <c r="AQ54" s="3"/>
      <c r="AR54" s="19"/>
      <c r="AS54" s="19"/>
      <c r="AT54" s="19"/>
      <c r="AU54" s="19"/>
      <c r="AV54" s="19"/>
      <c r="AW54" s="19"/>
      <c r="AX54" s="19"/>
      <c r="AY54" s="19"/>
      <c r="AZ54" s="19"/>
      <c r="BE54" s="21"/>
      <c r="BF54" s="22"/>
      <c r="BG54" s="20"/>
    </row>
    <row r="55" spans="2:59" ht="10.5" customHeight="1" x14ac:dyDescent="0.15">
      <c r="B55" s="18"/>
      <c r="E55" s="35"/>
      <c r="F55" s="35"/>
      <c r="G55" s="35"/>
      <c r="H55" s="35"/>
      <c r="I55" s="35"/>
      <c r="J55" s="35"/>
      <c r="K55" s="35"/>
      <c r="L55" s="35"/>
      <c r="M55" s="35"/>
      <c r="N55" s="35"/>
      <c r="O55" s="35"/>
      <c r="P55" s="35"/>
      <c r="Q55" s="35"/>
      <c r="R55" s="35"/>
      <c r="S55" s="35"/>
      <c r="T55" s="35"/>
      <c r="U55" s="35"/>
      <c r="V55" s="35"/>
      <c r="W55" s="35"/>
      <c r="X55" s="35"/>
      <c r="Y55" s="35"/>
      <c r="Z55" s="35"/>
      <c r="AA55" s="35"/>
      <c r="AB55" s="35"/>
      <c r="AC55" s="35"/>
      <c r="AD55" s="35"/>
      <c r="AE55" s="35"/>
      <c r="AF55" s="35"/>
      <c r="AG55" s="35"/>
      <c r="AH55" s="35"/>
      <c r="AI55" s="35"/>
      <c r="AJ55" s="35"/>
      <c r="AK55" s="35"/>
      <c r="AL55" s="35"/>
      <c r="AM55" s="35"/>
      <c r="AN55" s="35"/>
      <c r="AO55" s="35"/>
      <c r="AP55" s="35"/>
      <c r="AQ55" s="35"/>
      <c r="AR55" s="35"/>
      <c r="AS55" s="35"/>
      <c r="AT55" s="35"/>
      <c r="AU55" s="35"/>
      <c r="AV55" s="35"/>
      <c r="AW55" s="35"/>
      <c r="AX55" s="35"/>
      <c r="AY55" s="35"/>
      <c r="AZ55" s="35"/>
      <c r="BA55" s="248" t="s">
        <v>5</v>
      </c>
      <c r="BB55" s="248"/>
      <c r="BC55" s="248"/>
      <c r="BD55" s="19"/>
      <c r="BE55" s="36"/>
      <c r="BF55" s="25"/>
    </row>
    <row r="56" spans="2:59" ht="24.75" customHeight="1" x14ac:dyDescent="0.15">
      <c r="B56" s="18"/>
      <c r="C56" s="97" t="s">
        <v>29</v>
      </c>
      <c r="D56" s="98"/>
      <c r="E56" s="98"/>
      <c r="F56" s="99"/>
      <c r="G56" s="98" t="s">
        <v>30</v>
      </c>
      <c r="H56" s="98"/>
      <c r="I56" s="98"/>
      <c r="J56" s="99"/>
      <c r="K56" s="98" t="s">
        <v>31</v>
      </c>
      <c r="L56" s="98"/>
      <c r="M56" s="98"/>
      <c r="N56" s="99"/>
      <c r="O56" s="98" t="s">
        <v>8</v>
      </c>
      <c r="P56" s="98"/>
      <c r="Q56" s="99"/>
      <c r="R56" s="98" t="s">
        <v>32</v>
      </c>
      <c r="S56" s="98"/>
      <c r="T56" s="99"/>
      <c r="U56" s="221" t="s">
        <v>33</v>
      </c>
      <c r="V56" s="222"/>
      <c r="W56" s="222"/>
      <c r="X56" s="222"/>
      <c r="Y56" s="222"/>
      <c r="Z56" s="223"/>
      <c r="AA56" s="221" t="s">
        <v>34</v>
      </c>
      <c r="AB56" s="222"/>
      <c r="AC56" s="222"/>
      <c r="AD56" s="222"/>
      <c r="AE56" s="222"/>
      <c r="AF56" s="222"/>
      <c r="AG56" s="223"/>
      <c r="AH56" s="98" t="s">
        <v>35</v>
      </c>
      <c r="AI56" s="98"/>
      <c r="AJ56" s="98"/>
      <c r="AK56" s="98"/>
      <c r="AL56" s="97" t="s">
        <v>36</v>
      </c>
      <c r="AM56" s="98"/>
      <c r="AN56" s="98"/>
      <c r="AO56" s="99"/>
      <c r="AP56" s="230" t="s">
        <v>42</v>
      </c>
      <c r="AQ56" s="231"/>
      <c r="AR56" s="232"/>
      <c r="AS56" s="230" t="s">
        <v>11</v>
      </c>
      <c r="AT56" s="231"/>
      <c r="AU56" s="236"/>
      <c r="AV56" s="238" t="s">
        <v>38</v>
      </c>
      <c r="AW56" s="239"/>
      <c r="AX56" s="239"/>
      <c r="AY56" s="240"/>
      <c r="AZ56" s="115" t="s">
        <v>16</v>
      </c>
      <c r="BA56" s="115"/>
      <c r="BB56" s="115"/>
      <c r="BC56" s="116"/>
      <c r="BE56" s="24"/>
      <c r="BF56" s="25"/>
    </row>
    <row r="57" spans="2:59" ht="24.75" customHeight="1" x14ac:dyDescent="0.15">
      <c r="B57" s="18"/>
      <c r="C57" s="100"/>
      <c r="D57" s="263"/>
      <c r="E57" s="101"/>
      <c r="F57" s="102"/>
      <c r="G57" s="101"/>
      <c r="H57" s="101"/>
      <c r="I57" s="101"/>
      <c r="J57" s="102"/>
      <c r="K57" s="101"/>
      <c r="L57" s="101"/>
      <c r="M57" s="101"/>
      <c r="N57" s="102"/>
      <c r="O57" s="101"/>
      <c r="P57" s="101"/>
      <c r="Q57" s="102"/>
      <c r="R57" s="101"/>
      <c r="S57" s="101"/>
      <c r="T57" s="102"/>
      <c r="U57" s="224"/>
      <c r="V57" s="225"/>
      <c r="W57" s="225"/>
      <c r="X57" s="225"/>
      <c r="Y57" s="225"/>
      <c r="Z57" s="226"/>
      <c r="AA57" s="224"/>
      <c r="AB57" s="225"/>
      <c r="AC57" s="225"/>
      <c r="AD57" s="225"/>
      <c r="AE57" s="225"/>
      <c r="AF57" s="225"/>
      <c r="AG57" s="226"/>
      <c r="AH57" s="101"/>
      <c r="AI57" s="101"/>
      <c r="AJ57" s="101"/>
      <c r="AK57" s="101"/>
      <c r="AL57" s="100"/>
      <c r="AM57" s="101"/>
      <c r="AN57" s="101"/>
      <c r="AO57" s="102"/>
      <c r="AP57" s="233"/>
      <c r="AQ57" s="234"/>
      <c r="AR57" s="235"/>
      <c r="AS57" s="233"/>
      <c r="AT57" s="234"/>
      <c r="AU57" s="237"/>
      <c r="AV57" s="241"/>
      <c r="AW57" s="242"/>
      <c r="AX57" s="242"/>
      <c r="AY57" s="243"/>
      <c r="AZ57" s="118"/>
      <c r="BA57" s="118"/>
      <c r="BB57" s="118"/>
      <c r="BC57" s="119"/>
      <c r="BE57" s="24"/>
      <c r="BF57" s="25"/>
    </row>
    <row r="58" spans="2:59" ht="24.75" customHeight="1" x14ac:dyDescent="0.15">
      <c r="B58" s="18"/>
      <c r="C58" s="100"/>
      <c r="D58" s="263"/>
      <c r="E58" s="101"/>
      <c r="F58" s="102"/>
      <c r="G58" s="101"/>
      <c r="H58" s="101"/>
      <c r="I58" s="101"/>
      <c r="J58" s="102"/>
      <c r="K58" s="101"/>
      <c r="L58" s="101"/>
      <c r="M58" s="101"/>
      <c r="N58" s="102"/>
      <c r="O58" s="101"/>
      <c r="P58" s="101"/>
      <c r="Q58" s="102"/>
      <c r="R58" s="101"/>
      <c r="S58" s="101"/>
      <c r="T58" s="102"/>
      <c r="U58" s="224"/>
      <c r="V58" s="225"/>
      <c r="W58" s="225"/>
      <c r="X58" s="225"/>
      <c r="Y58" s="225"/>
      <c r="Z58" s="226"/>
      <c r="AA58" s="224"/>
      <c r="AB58" s="225"/>
      <c r="AC58" s="225"/>
      <c r="AD58" s="225"/>
      <c r="AE58" s="225"/>
      <c r="AF58" s="225"/>
      <c r="AG58" s="226"/>
      <c r="AH58" s="101"/>
      <c r="AI58" s="101"/>
      <c r="AJ58" s="101"/>
      <c r="AK58" s="101"/>
      <c r="AL58" s="100"/>
      <c r="AM58" s="101"/>
      <c r="AN58" s="101"/>
      <c r="AO58" s="102"/>
      <c r="AP58" s="233"/>
      <c r="AQ58" s="234"/>
      <c r="AR58" s="235"/>
      <c r="AS58" s="233"/>
      <c r="AT58" s="234"/>
      <c r="AU58" s="237"/>
      <c r="AV58" s="241"/>
      <c r="AW58" s="242"/>
      <c r="AX58" s="242"/>
      <c r="AY58" s="243"/>
      <c r="AZ58" s="118"/>
      <c r="BA58" s="118"/>
      <c r="BB58" s="118"/>
      <c r="BC58" s="119"/>
      <c r="BE58" s="24"/>
      <c r="BF58" s="25"/>
    </row>
    <row r="59" spans="2:59" ht="17.25" customHeight="1" x14ac:dyDescent="0.15">
      <c r="B59" s="18"/>
      <c r="C59" s="100"/>
      <c r="D59" s="263"/>
      <c r="E59" s="101"/>
      <c r="F59" s="102"/>
      <c r="G59" s="101"/>
      <c r="H59" s="101"/>
      <c r="I59" s="101"/>
      <c r="J59" s="102"/>
      <c r="K59" s="101"/>
      <c r="L59" s="101"/>
      <c r="M59" s="101"/>
      <c r="N59" s="102"/>
      <c r="O59" s="101"/>
      <c r="P59" s="101"/>
      <c r="Q59" s="102"/>
      <c r="R59" s="101"/>
      <c r="S59" s="101"/>
      <c r="T59" s="102"/>
      <c r="U59" s="224"/>
      <c r="V59" s="225"/>
      <c r="W59" s="225"/>
      <c r="X59" s="225"/>
      <c r="Y59" s="225"/>
      <c r="Z59" s="226"/>
      <c r="AA59" s="224"/>
      <c r="AB59" s="225"/>
      <c r="AC59" s="225"/>
      <c r="AD59" s="225"/>
      <c r="AE59" s="225"/>
      <c r="AF59" s="225"/>
      <c r="AG59" s="226"/>
      <c r="AH59" s="101"/>
      <c r="AI59" s="101"/>
      <c r="AJ59" s="101"/>
      <c r="AK59" s="101"/>
      <c r="AL59" s="100"/>
      <c r="AM59" s="101"/>
      <c r="AN59" s="101"/>
      <c r="AO59" s="102"/>
      <c r="AP59" s="233"/>
      <c r="AQ59" s="234"/>
      <c r="AR59" s="235"/>
      <c r="AS59" s="233"/>
      <c r="AT59" s="234"/>
      <c r="AU59" s="237"/>
      <c r="AV59" s="244" t="s">
        <v>43</v>
      </c>
      <c r="AW59" s="234"/>
      <c r="AX59" s="234"/>
      <c r="AY59" s="235"/>
      <c r="AZ59" s="118"/>
      <c r="BA59" s="118"/>
      <c r="BB59" s="118"/>
      <c r="BC59" s="119"/>
      <c r="BE59" s="24"/>
      <c r="BF59" s="25"/>
    </row>
    <row r="60" spans="2:59" ht="24.75" customHeight="1" x14ac:dyDescent="0.15">
      <c r="B60" s="18"/>
      <c r="C60" s="100"/>
      <c r="D60" s="263"/>
      <c r="E60" s="101"/>
      <c r="F60" s="102"/>
      <c r="G60" s="101"/>
      <c r="H60" s="101"/>
      <c r="I60" s="101"/>
      <c r="J60" s="102"/>
      <c r="K60" s="101"/>
      <c r="L60" s="101"/>
      <c r="M60" s="101"/>
      <c r="N60" s="102"/>
      <c r="O60" s="101"/>
      <c r="P60" s="101"/>
      <c r="Q60" s="102"/>
      <c r="R60" s="101"/>
      <c r="S60" s="101"/>
      <c r="T60" s="102"/>
      <c r="U60" s="227"/>
      <c r="V60" s="228"/>
      <c r="W60" s="228"/>
      <c r="X60" s="228"/>
      <c r="Y60" s="228"/>
      <c r="Z60" s="229"/>
      <c r="AA60" s="227"/>
      <c r="AB60" s="228"/>
      <c r="AC60" s="228"/>
      <c r="AD60" s="228"/>
      <c r="AE60" s="228"/>
      <c r="AF60" s="228"/>
      <c r="AG60" s="229"/>
      <c r="AH60" s="101"/>
      <c r="AI60" s="101"/>
      <c r="AJ60" s="101"/>
      <c r="AK60" s="101"/>
      <c r="AL60" s="100"/>
      <c r="AM60" s="101"/>
      <c r="AN60" s="101"/>
      <c r="AO60" s="102"/>
      <c r="AP60" s="233" t="s">
        <v>40</v>
      </c>
      <c r="AQ60" s="234"/>
      <c r="AR60" s="235"/>
      <c r="AS60" s="245" t="s">
        <v>41</v>
      </c>
      <c r="AT60" s="246"/>
      <c r="AU60" s="247"/>
      <c r="AV60" s="245"/>
      <c r="AW60" s="246"/>
      <c r="AX60" s="246"/>
      <c r="AY60" s="247"/>
      <c r="AZ60" s="121"/>
      <c r="BA60" s="121"/>
      <c r="BB60" s="121"/>
      <c r="BC60" s="122"/>
      <c r="BE60" s="24"/>
      <c r="BF60" s="25"/>
    </row>
    <row r="61" spans="2:59" ht="21" customHeight="1" x14ac:dyDescent="0.15">
      <c r="B61" s="18"/>
      <c r="C61" s="73"/>
      <c r="D61" s="74"/>
      <c r="E61" s="74"/>
      <c r="F61" s="75"/>
      <c r="G61" s="74"/>
      <c r="H61" s="74"/>
      <c r="I61" s="74"/>
      <c r="J61" s="75"/>
      <c r="K61" s="74"/>
      <c r="L61" s="74"/>
      <c r="M61" s="74"/>
      <c r="N61" s="75"/>
      <c r="O61" s="206"/>
      <c r="P61" s="206"/>
      <c r="Q61" s="207"/>
      <c r="R61" s="206"/>
      <c r="S61" s="206"/>
      <c r="T61" s="207"/>
      <c r="U61" s="210"/>
      <c r="V61" s="211"/>
      <c r="W61" s="211"/>
      <c r="X61" s="211"/>
      <c r="Y61" s="211"/>
      <c r="Z61" s="212"/>
      <c r="AA61" s="193"/>
      <c r="AB61" s="194"/>
      <c r="AC61" s="194"/>
      <c r="AD61" s="194"/>
      <c r="AE61" s="194"/>
      <c r="AF61" s="194"/>
      <c r="AG61" s="195"/>
      <c r="AH61" s="74"/>
      <c r="AI61" s="74"/>
      <c r="AJ61" s="74"/>
      <c r="AK61" s="74"/>
      <c r="AL61" s="73"/>
      <c r="AM61" s="74"/>
      <c r="AN61" s="74"/>
      <c r="AO61" s="75"/>
      <c r="AP61" s="193"/>
      <c r="AQ61" s="194"/>
      <c r="AR61" s="195"/>
      <c r="AS61" s="199"/>
      <c r="AT61" s="151"/>
      <c r="AU61" s="200"/>
      <c r="AV61" s="150"/>
      <c r="AW61" s="151"/>
      <c r="AX61" s="151"/>
      <c r="AY61" s="152"/>
      <c r="AZ61" s="156"/>
      <c r="BA61" s="156"/>
      <c r="BB61" s="156"/>
      <c r="BC61" s="157"/>
      <c r="BE61" s="24"/>
      <c r="BF61" s="25"/>
    </row>
    <row r="62" spans="2:59" ht="21" customHeight="1" x14ac:dyDescent="0.15">
      <c r="B62" s="18"/>
      <c r="C62" s="76"/>
      <c r="D62" s="77"/>
      <c r="E62" s="77"/>
      <c r="F62" s="78"/>
      <c r="G62" s="77"/>
      <c r="H62" s="77"/>
      <c r="I62" s="77"/>
      <c r="J62" s="78"/>
      <c r="K62" s="77"/>
      <c r="L62" s="77"/>
      <c r="M62" s="77"/>
      <c r="N62" s="78"/>
      <c r="O62" s="208"/>
      <c r="P62" s="208"/>
      <c r="Q62" s="209"/>
      <c r="R62" s="208"/>
      <c r="S62" s="208"/>
      <c r="T62" s="209"/>
      <c r="U62" s="213"/>
      <c r="V62" s="214"/>
      <c r="W62" s="214"/>
      <c r="X62" s="214"/>
      <c r="Y62" s="214"/>
      <c r="Z62" s="215"/>
      <c r="AA62" s="196"/>
      <c r="AB62" s="197"/>
      <c r="AC62" s="197"/>
      <c r="AD62" s="197"/>
      <c r="AE62" s="197"/>
      <c r="AF62" s="197"/>
      <c r="AG62" s="198"/>
      <c r="AH62" s="77"/>
      <c r="AI62" s="77"/>
      <c r="AJ62" s="77"/>
      <c r="AK62" s="77"/>
      <c r="AL62" s="76"/>
      <c r="AM62" s="77"/>
      <c r="AN62" s="77"/>
      <c r="AO62" s="78"/>
      <c r="AP62" s="196"/>
      <c r="AQ62" s="197"/>
      <c r="AR62" s="198"/>
      <c r="AS62" s="201"/>
      <c r="AT62" s="202"/>
      <c r="AU62" s="203"/>
      <c r="AV62" s="204"/>
      <c r="AW62" s="202"/>
      <c r="AX62" s="202"/>
      <c r="AY62" s="205"/>
      <c r="AZ62" s="77"/>
      <c r="BA62" s="77"/>
      <c r="BB62" s="77"/>
      <c r="BC62" s="78"/>
      <c r="BE62" s="24"/>
      <c r="BF62" s="25"/>
    </row>
    <row r="63" spans="2:59" ht="21" customHeight="1" x14ac:dyDescent="0.15">
      <c r="B63" s="18"/>
      <c r="C63" s="73"/>
      <c r="D63" s="74"/>
      <c r="E63" s="74"/>
      <c r="F63" s="75"/>
      <c r="G63" s="156"/>
      <c r="H63" s="156"/>
      <c r="I63" s="156"/>
      <c r="J63" s="157"/>
      <c r="K63" s="156"/>
      <c r="L63" s="156"/>
      <c r="M63" s="156"/>
      <c r="N63" s="157"/>
      <c r="O63" s="178"/>
      <c r="P63" s="178"/>
      <c r="Q63" s="179"/>
      <c r="R63" s="178"/>
      <c r="S63" s="178"/>
      <c r="T63" s="179"/>
      <c r="U63" s="180"/>
      <c r="V63" s="181"/>
      <c r="W63" s="181"/>
      <c r="X63" s="181"/>
      <c r="Y63" s="181"/>
      <c r="Z63" s="182"/>
      <c r="AA63" s="186"/>
      <c r="AB63" s="187"/>
      <c r="AC63" s="187"/>
      <c r="AD63" s="187"/>
      <c r="AE63" s="187"/>
      <c r="AF63" s="187"/>
      <c r="AG63" s="188"/>
      <c r="AH63" s="73"/>
      <c r="AI63" s="74"/>
      <c r="AJ63" s="74"/>
      <c r="AK63" s="75"/>
      <c r="AL63" s="192"/>
      <c r="AM63" s="156"/>
      <c r="AN63" s="156"/>
      <c r="AO63" s="157"/>
      <c r="AP63" s="186"/>
      <c r="AQ63" s="187"/>
      <c r="AR63" s="188"/>
      <c r="AS63" s="216"/>
      <c r="AT63" s="217"/>
      <c r="AU63" s="218"/>
      <c r="AV63" s="150"/>
      <c r="AW63" s="151"/>
      <c r="AX63" s="151"/>
      <c r="AY63" s="152"/>
      <c r="AZ63" s="156"/>
      <c r="BA63" s="156"/>
      <c r="BB63" s="156"/>
      <c r="BC63" s="157"/>
      <c r="BE63" s="24"/>
      <c r="BF63" s="25"/>
    </row>
    <row r="64" spans="2:59" ht="21" customHeight="1" thickBot="1" x14ac:dyDescent="0.2">
      <c r="B64" s="18"/>
      <c r="C64" s="175"/>
      <c r="D64" s="176"/>
      <c r="E64" s="176"/>
      <c r="F64" s="177"/>
      <c r="G64" s="156"/>
      <c r="H64" s="156"/>
      <c r="I64" s="156"/>
      <c r="J64" s="157"/>
      <c r="K64" s="156"/>
      <c r="L64" s="156"/>
      <c r="M64" s="156"/>
      <c r="N64" s="157"/>
      <c r="O64" s="178"/>
      <c r="P64" s="178"/>
      <c r="Q64" s="179"/>
      <c r="R64" s="178"/>
      <c r="S64" s="178"/>
      <c r="T64" s="179"/>
      <c r="U64" s="183"/>
      <c r="V64" s="184"/>
      <c r="W64" s="184"/>
      <c r="X64" s="184"/>
      <c r="Y64" s="184"/>
      <c r="Z64" s="185"/>
      <c r="AA64" s="189"/>
      <c r="AB64" s="190"/>
      <c r="AC64" s="190"/>
      <c r="AD64" s="190"/>
      <c r="AE64" s="190"/>
      <c r="AF64" s="190"/>
      <c r="AG64" s="191"/>
      <c r="AH64" s="175"/>
      <c r="AI64" s="176"/>
      <c r="AJ64" s="176"/>
      <c r="AK64" s="177"/>
      <c r="AL64" s="192"/>
      <c r="AM64" s="156"/>
      <c r="AN64" s="156"/>
      <c r="AO64" s="157"/>
      <c r="AP64" s="189"/>
      <c r="AQ64" s="190"/>
      <c r="AR64" s="191"/>
      <c r="AS64" s="219"/>
      <c r="AT64" s="154"/>
      <c r="AU64" s="220"/>
      <c r="AV64" s="153"/>
      <c r="AW64" s="154"/>
      <c r="AX64" s="154"/>
      <c r="AY64" s="155"/>
      <c r="AZ64" s="156"/>
      <c r="BA64" s="156"/>
      <c r="BB64" s="156"/>
      <c r="BC64" s="157"/>
      <c r="BE64" s="24"/>
      <c r="BF64" s="25"/>
    </row>
    <row r="65" spans="2:59" ht="24.75" customHeight="1" thickTop="1" x14ac:dyDescent="0.15">
      <c r="B65" s="18"/>
      <c r="C65" s="32"/>
      <c r="D65" s="38"/>
      <c r="E65" s="38"/>
      <c r="F65" s="40"/>
      <c r="G65" s="33"/>
      <c r="H65" s="56"/>
      <c r="I65" s="56"/>
      <c r="J65" s="57"/>
      <c r="K65" s="56"/>
      <c r="L65" s="56"/>
      <c r="M65" s="56"/>
      <c r="N65" s="57"/>
      <c r="O65" s="56"/>
      <c r="P65" s="56"/>
      <c r="Q65" s="57"/>
      <c r="R65" s="56"/>
      <c r="S65" s="56"/>
      <c r="T65" s="57"/>
      <c r="U65" s="158"/>
      <c r="V65" s="159"/>
      <c r="W65" s="159"/>
      <c r="X65" s="159"/>
      <c r="Y65" s="159"/>
      <c r="Z65" s="160"/>
      <c r="AA65" s="161"/>
      <c r="AB65" s="161"/>
      <c r="AC65" s="161"/>
      <c r="AD65" s="161"/>
      <c r="AE65" s="161"/>
      <c r="AF65" s="161"/>
      <c r="AG65" s="162"/>
      <c r="AH65" s="59"/>
      <c r="AI65" s="59"/>
      <c r="AJ65" s="59"/>
      <c r="AK65" s="59"/>
      <c r="AL65" s="163"/>
      <c r="AM65" s="161"/>
      <c r="AN65" s="161"/>
      <c r="AO65" s="162"/>
      <c r="AP65" s="164"/>
      <c r="AQ65" s="165"/>
      <c r="AR65" s="166"/>
      <c r="AS65" s="164"/>
      <c r="AT65" s="165"/>
      <c r="AU65" s="167"/>
      <c r="AV65" s="168"/>
      <c r="AW65" s="165"/>
      <c r="AX65" s="165"/>
      <c r="AY65" s="166"/>
      <c r="AZ65" s="56"/>
      <c r="BA65" s="56"/>
      <c r="BB65" s="56"/>
      <c r="BC65" s="57"/>
      <c r="BE65" s="24"/>
      <c r="BF65" s="25"/>
    </row>
    <row r="66" spans="2:59" ht="7.5" customHeight="1" x14ac:dyDescent="0.15">
      <c r="B66" s="18"/>
      <c r="C66" s="37"/>
      <c r="D66" s="37"/>
      <c r="E66" s="37"/>
      <c r="F66" s="37"/>
      <c r="G66" s="37"/>
      <c r="H66" s="63"/>
      <c r="I66" s="63"/>
      <c r="J66" s="63"/>
      <c r="K66" s="63"/>
      <c r="L66" s="63"/>
      <c r="M66" s="63"/>
      <c r="N66" s="63"/>
      <c r="O66" s="63"/>
      <c r="P66" s="63"/>
      <c r="Q66" s="63"/>
      <c r="R66" s="63"/>
      <c r="S66" s="63"/>
      <c r="T66" s="63"/>
      <c r="AA66" s="63"/>
      <c r="AB66" s="63"/>
      <c r="AC66" s="63"/>
      <c r="AD66" s="63"/>
      <c r="AE66" s="63"/>
      <c r="AF66" s="63"/>
      <c r="AG66" s="63"/>
      <c r="AH66" s="63"/>
      <c r="AI66" s="63"/>
      <c r="AJ66" s="63"/>
      <c r="AK66" s="63"/>
      <c r="AL66" s="62"/>
      <c r="AM66" s="62"/>
      <c r="AN66" s="62"/>
      <c r="AO66" s="62"/>
      <c r="AP66" s="63"/>
      <c r="AQ66" s="63"/>
      <c r="AR66" s="63"/>
      <c r="AS66" s="63"/>
      <c r="AT66" s="63"/>
      <c r="AU66" s="63"/>
      <c r="AV66" s="63"/>
      <c r="AW66" s="63"/>
      <c r="AX66" s="63"/>
      <c r="AY66" s="63"/>
      <c r="AZ66" s="63"/>
      <c r="BA66" s="63"/>
      <c r="BB66" s="63"/>
      <c r="BC66" s="63"/>
      <c r="BE66" s="24"/>
      <c r="BF66" s="25"/>
    </row>
    <row r="67" spans="2:59" ht="17.25" customHeight="1" x14ac:dyDescent="0.15">
      <c r="B67" s="18"/>
      <c r="C67" s="5" t="s">
        <v>64</v>
      </c>
      <c r="D67" s="5"/>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c r="AG67" s="3"/>
      <c r="AH67" s="3"/>
      <c r="AI67" s="3"/>
      <c r="AJ67" s="3"/>
      <c r="AK67" s="3"/>
      <c r="AL67" s="3"/>
      <c r="AM67" s="3"/>
      <c r="AN67" s="3"/>
      <c r="AO67" s="3"/>
      <c r="AP67" s="3"/>
      <c r="AQ67" s="3"/>
      <c r="AR67" s="19"/>
      <c r="AS67" s="19"/>
      <c r="AT67" s="19"/>
      <c r="AU67" s="19"/>
      <c r="AV67" s="19"/>
      <c r="AW67" s="19"/>
      <c r="AX67" s="19"/>
      <c r="AY67" s="19"/>
      <c r="AZ67" s="19"/>
      <c r="BE67" s="21"/>
      <c r="BF67" s="20"/>
      <c r="BG67" s="20"/>
    </row>
    <row r="68" spans="2:59" ht="10.5" customHeight="1" x14ac:dyDescent="0.15">
      <c r="B68" s="18"/>
      <c r="E68" s="35"/>
      <c r="F68" s="35"/>
      <c r="G68" s="35"/>
      <c r="H68" s="35"/>
      <c r="I68" s="35"/>
      <c r="J68" s="35"/>
      <c r="K68" s="35"/>
      <c r="L68" s="35"/>
      <c r="M68" s="35"/>
      <c r="N68" s="35"/>
      <c r="O68" s="35"/>
      <c r="P68" s="35"/>
      <c r="Q68" s="35"/>
      <c r="R68" s="35"/>
      <c r="S68" s="35"/>
      <c r="T68" s="35"/>
      <c r="U68" s="35"/>
      <c r="V68" s="35"/>
      <c r="W68" s="35"/>
      <c r="X68" s="35"/>
      <c r="Y68" s="35"/>
      <c r="Z68" s="35"/>
      <c r="AA68" s="35"/>
      <c r="AB68" s="35"/>
      <c r="AC68" s="35"/>
      <c r="AD68" s="35"/>
      <c r="AE68" s="35"/>
      <c r="AF68" s="35"/>
      <c r="AG68" s="35"/>
      <c r="AH68" s="35"/>
      <c r="AI68" s="35"/>
      <c r="AJ68" s="35"/>
      <c r="AK68" s="35"/>
      <c r="AL68" s="35"/>
      <c r="AM68" s="35"/>
      <c r="AN68" s="35"/>
      <c r="AO68" s="35"/>
      <c r="AP68" s="35"/>
      <c r="AQ68" s="35"/>
      <c r="AR68" s="35"/>
      <c r="AS68" s="35"/>
      <c r="AT68" s="35"/>
      <c r="AU68" s="35"/>
      <c r="AV68" s="35"/>
      <c r="AW68" s="35"/>
      <c r="AX68" s="35"/>
      <c r="AY68" s="35"/>
      <c r="AZ68" s="35"/>
      <c r="BA68" s="248" t="s">
        <v>5</v>
      </c>
      <c r="BB68" s="248"/>
      <c r="BC68" s="248"/>
      <c r="BD68" s="19"/>
      <c r="BE68" s="36"/>
      <c r="BF68" s="25"/>
    </row>
    <row r="69" spans="2:59" ht="24.75" customHeight="1" x14ac:dyDescent="0.15">
      <c r="B69" s="18"/>
      <c r="C69" s="97" t="s">
        <v>29</v>
      </c>
      <c r="D69" s="98"/>
      <c r="E69" s="98"/>
      <c r="F69" s="98"/>
      <c r="G69" s="97" t="s">
        <v>30</v>
      </c>
      <c r="H69" s="98"/>
      <c r="I69" s="98"/>
      <c r="J69" s="99"/>
      <c r="K69" s="98" t="s">
        <v>31</v>
      </c>
      <c r="L69" s="98"/>
      <c r="M69" s="98"/>
      <c r="N69" s="98"/>
      <c r="O69" s="97" t="s">
        <v>8</v>
      </c>
      <c r="P69" s="98"/>
      <c r="Q69" s="99"/>
      <c r="R69" s="98" t="s">
        <v>32</v>
      </c>
      <c r="S69" s="98"/>
      <c r="T69" s="98"/>
      <c r="U69" s="97" t="s">
        <v>33</v>
      </c>
      <c r="V69" s="98"/>
      <c r="W69" s="98"/>
      <c r="X69" s="98"/>
      <c r="Y69" s="98"/>
      <c r="Z69" s="99"/>
      <c r="AA69" s="97" t="s">
        <v>34</v>
      </c>
      <c r="AB69" s="98"/>
      <c r="AC69" s="98"/>
      <c r="AD69" s="98"/>
      <c r="AE69" s="98"/>
      <c r="AF69" s="98"/>
      <c r="AG69" s="99"/>
      <c r="AH69" s="98" t="s">
        <v>35</v>
      </c>
      <c r="AI69" s="98"/>
      <c r="AJ69" s="98"/>
      <c r="AK69" s="98"/>
      <c r="AL69" s="256" t="s">
        <v>36</v>
      </c>
      <c r="AM69" s="256"/>
      <c r="AN69" s="256"/>
      <c r="AO69" s="256"/>
      <c r="AP69" s="259" t="s">
        <v>37</v>
      </c>
      <c r="AQ69" s="256"/>
      <c r="AR69" s="257"/>
      <c r="AS69" s="256" t="s">
        <v>11</v>
      </c>
      <c r="AT69" s="256"/>
      <c r="AU69" s="256"/>
      <c r="AV69" s="260" t="s">
        <v>38</v>
      </c>
      <c r="AW69" s="260"/>
      <c r="AX69" s="260"/>
      <c r="AY69" s="260"/>
      <c r="AZ69" s="115" t="s">
        <v>16</v>
      </c>
      <c r="BA69" s="115"/>
      <c r="BB69" s="115"/>
      <c r="BC69" s="116"/>
      <c r="BE69" s="24"/>
      <c r="BF69" s="25"/>
    </row>
    <row r="70" spans="2:59" ht="24.75" customHeight="1" x14ac:dyDescent="0.15">
      <c r="B70" s="18"/>
      <c r="C70" s="100"/>
      <c r="D70" s="263"/>
      <c r="E70" s="263"/>
      <c r="F70" s="263"/>
      <c r="G70" s="100"/>
      <c r="H70" s="263"/>
      <c r="I70" s="263"/>
      <c r="J70" s="102"/>
      <c r="K70" s="263"/>
      <c r="L70" s="263"/>
      <c r="M70" s="263"/>
      <c r="N70" s="263"/>
      <c r="O70" s="100"/>
      <c r="P70" s="263"/>
      <c r="Q70" s="102"/>
      <c r="R70" s="263"/>
      <c r="S70" s="263"/>
      <c r="T70" s="263"/>
      <c r="U70" s="100"/>
      <c r="V70" s="263"/>
      <c r="W70" s="263"/>
      <c r="X70" s="263"/>
      <c r="Y70" s="263"/>
      <c r="Z70" s="102"/>
      <c r="AA70" s="100"/>
      <c r="AB70" s="263"/>
      <c r="AC70" s="263"/>
      <c r="AD70" s="263"/>
      <c r="AE70" s="263"/>
      <c r="AF70" s="263"/>
      <c r="AG70" s="102"/>
      <c r="AH70" s="263"/>
      <c r="AI70" s="263"/>
      <c r="AJ70" s="263"/>
      <c r="AK70" s="263"/>
      <c r="AL70" s="256"/>
      <c r="AM70" s="256"/>
      <c r="AN70" s="256"/>
      <c r="AO70" s="256"/>
      <c r="AP70" s="259"/>
      <c r="AQ70" s="256"/>
      <c r="AR70" s="257"/>
      <c r="AS70" s="256"/>
      <c r="AT70" s="256"/>
      <c r="AU70" s="256"/>
      <c r="AV70" s="260"/>
      <c r="AW70" s="260"/>
      <c r="AX70" s="260"/>
      <c r="AY70" s="260"/>
      <c r="AZ70" s="306"/>
      <c r="BA70" s="306"/>
      <c r="BB70" s="306"/>
      <c r="BC70" s="119"/>
      <c r="BE70" s="24"/>
      <c r="BF70" s="25"/>
    </row>
    <row r="71" spans="2:59" ht="24.75" customHeight="1" x14ac:dyDescent="0.15">
      <c r="B71" s="18"/>
      <c r="C71" s="100"/>
      <c r="D71" s="263"/>
      <c r="E71" s="263"/>
      <c r="F71" s="263"/>
      <c r="G71" s="100"/>
      <c r="H71" s="263"/>
      <c r="I71" s="263"/>
      <c r="J71" s="102"/>
      <c r="K71" s="263"/>
      <c r="L71" s="263"/>
      <c r="M71" s="263"/>
      <c r="N71" s="263"/>
      <c r="O71" s="100"/>
      <c r="P71" s="263"/>
      <c r="Q71" s="102"/>
      <c r="R71" s="263"/>
      <c r="S71" s="263"/>
      <c r="T71" s="263"/>
      <c r="U71" s="100"/>
      <c r="V71" s="263"/>
      <c r="W71" s="263"/>
      <c r="X71" s="263"/>
      <c r="Y71" s="263"/>
      <c r="Z71" s="102"/>
      <c r="AA71" s="100"/>
      <c r="AB71" s="263"/>
      <c r="AC71" s="263"/>
      <c r="AD71" s="263"/>
      <c r="AE71" s="263"/>
      <c r="AF71" s="263"/>
      <c r="AG71" s="102"/>
      <c r="AH71" s="263"/>
      <c r="AI71" s="263"/>
      <c r="AJ71" s="263"/>
      <c r="AK71" s="263"/>
      <c r="AL71" s="256"/>
      <c r="AM71" s="256"/>
      <c r="AN71" s="256"/>
      <c r="AO71" s="256"/>
      <c r="AP71" s="259"/>
      <c r="AQ71" s="256"/>
      <c r="AR71" s="257"/>
      <c r="AS71" s="256"/>
      <c r="AT71" s="256"/>
      <c r="AU71" s="256"/>
      <c r="AV71" s="261"/>
      <c r="AW71" s="261"/>
      <c r="AX71" s="261"/>
      <c r="AY71" s="261"/>
      <c r="AZ71" s="306"/>
      <c r="BA71" s="306"/>
      <c r="BB71" s="306"/>
      <c r="BC71" s="119"/>
      <c r="BE71" s="24"/>
      <c r="BF71" s="25"/>
    </row>
    <row r="72" spans="2:59" ht="17.25" customHeight="1" x14ac:dyDescent="0.15">
      <c r="B72" s="18"/>
      <c r="C72" s="100"/>
      <c r="D72" s="263"/>
      <c r="E72" s="263"/>
      <c r="F72" s="263"/>
      <c r="G72" s="100"/>
      <c r="H72" s="263"/>
      <c r="I72" s="263"/>
      <c r="J72" s="102"/>
      <c r="K72" s="263"/>
      <c r="L72" s="263"/>
      <c r="M72" s="263"/>
      <c r="N72" s="263"/>
      <c r="O72" s="100"/>
      <c r="P72" s="263"/>
      <c r="Q72" s="102"/>
      <c r="R72" s="263"/>
      <c r="S72" s="263"/>
      <c r="T72" s="263"/>
      <c r="U72" s="100"/>
      <c r="V72" s="263"/>
      <c r="W72" s="263"/>
      <c r="X72" s="263"/>
      <c r="Y72" s="263"/>
      <c r="Z72" s="102"/>
      <c r="AA72" s="100"/>
      <c r="AB72" s="263"/>
      <c r="AC72" s="263"/>
      <c r="AD72" s="263"/>
      <c r="AE72" s="263"/>
      <c r="AF72" s="263"/>
      <c r="AG72" s="102"/>
      <c r="AH72" s="263"/>
      <c r="AI72" s="263"/>
      <c r="AJ72" s="263"/>
      <c r="AK72" s="263"/>
      <c r="AL72" s="256"/>
      <c r="AM72" s="256"/>
      <c r="AN72" s="256"/>
      <c r="AO72" s="256"/>
      <c r="AP72" s="99"/>
      <c r="AQ72" s="258"/>
      <c r="AR72" s="97"/>
      <c r="AS72" s="258"/>
      <c r="AT72" s="258"/>
      <c r="AU72" s="258"/>
      <c r="AV72" s="307" t="s">
        <v>43</v>
      </c>
      <c r="AW72" s="307"/>
      <c r="AX72" s="307"/>
      <c r="AY72" s="307"/>
      <c r="AZ72" s="306"/>
      <c r="BA72" s="306"/>
      <c r="BB72" s="306"/>
      <c r="BC72" s="119"/>
      <c r="BE72" s="24"/>
      <c r="BF72" s="25"/>
    </row>
    <row r="73" spans="2:59" ht="24.75" customHeight="1" x14ac:dyDescent="0.15">
      <c r="B73" s="18"/>
      <c r="C73" s="100"/>
      <c r="D73" s="263"/>
      <c r="E73" s="263"/>
      <c r="F73" s="263"/>
      <c r="G73" s="100"/>
      <c r="H73" s="263"/>
      <c r="I73" s="263"/>
      <c r="J73" s="102"/>
      <c r="K73" s="263"/>
      <c r="L73" s="263"/>
      <c r="M73" s="263"/>
      <c r="N73" s="263"/>
      <c r="O73" s="100"/>
      <c r="P73" s="263"/>
      <c r="Q73" s="102"/>
      <c r="R73" s="263"/>
      <c r="S73" s="263"/>
      <c r="T73" s="263"/>
      <c r="U73" s="100"/>
      <c r="V73" s="263"/>
      <c r="W73" s="263"/>
      <c r="X73" s="263"/>
      <c r="Y73" s="263"/>
      <c r="Z73" s="102"/>
      <c r="AA73" s="100"/>
      <c r="AB73" s="263"/>
      <c r="AC73" s="263"/>
      <c r="AD73" s="263"/>
      <c r="AE73" s="263"/>
      <c r="AF73" s="263"/>
      <c r="AG73" s="102"/>
      <c r="AH73" s="263"/>
      <c r="AI73" s="263"/>
      <c r="AJ73" s="263"/>
      <c r="AK73" s="263"/>
      <c r="AL73" s="258"/>
      <c r="AM73" s="258"/>
      <c r="AN73" s="258"/>
      <c r="AO73" s="258"/>
      <c r="AP73" s="102" t="s">
        <v>40</v>
      </c>
      <c r="AQ73" s="308"/>
      <c r="AR73" s="100"/>
      <c r="AS73" s="308" t="s">
        <v>41</v>
      </c>
      <c r="AT73" s="308"/>
      <c r="AU73" s="308"/>
      <c r="AV73" s="258"/>
      <c r="AW73" s="258"/>
      <c r="AX73" s="258"/>
      <c r="AY73" s="258"/>
      <c r="AZ73" s="306"/>
      <c r="BA73" s="306"/>
      <c r="BB73" s="306"/>
      <c r="BC73" s="119"/>
      <c r="BE73" s="24"/>
      <c r="BF73" s="25"/>
    </row>
    <row r="74" spans="2:59" ht="21" customHeight="1" x14ac:dyDescent="0.15">
      <c r="B74" s="18"/>
      <c r="C74" s="79"/>
      <c r="D74" s="80"/>
      <c r="E74" s="80"/>
      <c r="F74" s="80"/>
      <c r="G74" s="79"/>
      <c r="H74" s="80"/>
      <c r="I74" s="80"/>
      <c r="J74" s="81"/>
      <c r="K74" s="80"/>
      <c r="L74" s="80"/>
      <c r="M74" s="80"/>
      <c r="N74" s="80"/>
      <c r="O74" s="88"/>
      <c r="P74" s="89"/>
      <c r="Q74" s="90"/>
      <c r="R74" s="89"/>
      <c r="S74" s="89"/>
      <c r="T74" s="89"/>
      <c r="U74" s="88"/>
      <c r="V74" s="89"/>
      <c r="W74" s="89"/>
      <c r="X74" s="89"/>
      <c r="Y74" s="89"/>
      <c r="Z74" s="90"/>
      <c r="AA74" s="73"/>
      <c r="AB74" s="74"/>
      <c r="AC74" s="74"/>
      <c r="AD74" s="74"/>
      <c r="AE74" s="74"/>
      <c r="AF74" s="74"/>
      <c r="AG74" s="75"/>
      <c r="AH74" s="74"/>
      <c r="AI74" s="74"/>
      <c r="AJ74" s="74"/>
      <c r="AK74" s="74"/>
      <c r="AL74" s="73"/>
      <c r="AM74" s="74"/>
      <c r="AN74" s="74"/>
      <c r="AO74" s="75"/>
      <c r="AP74" s="74"/>
      <c r="AQ74" s="74"/>
      <c r="AR74" s="74"/>
      <c r="AS74" s="73"/>
      <c r="AT74" s="74"/>
      <c r="AU74" s="75"/>
      <c r="AV74" s="73"/>
      <c r="AW74" s="74"/>
      <c r="AX74" s="74"/>
      <c r="AY74" s="75"/>
      <c r="AZ74" s="74"/>
      <c r="BA74" s="74"/>
      <c r="BB74" s="74"/>
      <c r="BC74" s="75"/>
      <c r="BE74" s="24"/>
      <c r="BF74" s="25"/>
    </row>
    <row r="75" spans="2:59" ht="21" customHeight="1" x14ac:dyDescent="0.15">
      <c r="B75" s="18"/>
      <c r="C75" s="85"/>
      <c r="D75" s="86"/>
      <c r="E75" s="86"/>
      <c r="F75" s="86"/>
      <c r="G75" s="85"/>
      <c r="H75" s="86"/>
      <c r="I75" s="86"/>
      <c r="J75" s="87"/>
      <c r="K75" s="86"/>
      <c r="L75" s="86"/>
      <c r="M75" s="86"/>
      <c r="N75" s="86"/>
      <c r="O75" s="91"/>
      <c r="P75" s="92"/>
      <c r="Q75" s="93"/>
      <c r="R75" s="92"/>
      <c r="S75" s="92"/>
      <c r="T75" s="92"/>
      <c r="U75" s="91"/>
      <c r="V75" s="92"/>
      <c r="W75" s="92"/>
      <c r="X75" s="92"/>
      <c r="Y75" s="92"/>
      <c r="Z75" s="93"/>
      <c r="AA75" s="76"/>
      <c r="AB75" s="77"/>
      <c r="AC75" s="77"/>
      <c r="AD75" s="77"/>
      <c r="AE75" s="77"/>
      <c r="AF75" s="77"/>
      <c r="AG75" s="78"/>
      <c r="AH75" s="77"/>
      <c r="AI75" s="77"/>
      <c r="AJ75" s="77"/>
      <c r="AK75" s="77"/>
      <c r="AL75" s="76"/>
      <c r="AM75" s="77"/>
      <c r="AN75" s="77"/>
      <c r="AO75" s="78"/>
      <c r="AP75" s="77"/>
      <c r="AQ75" s="77"/>
      <c r="AR75" s="77"/>
      <c r="AS75" s="76"/>
      <c r="AT75" s="77"/>
      <c r="AU75" s="78"/>
      <c r="AV75" s="76"/>
      <c r="AW75" s="77"/>
      <c r="AX75" s="77"/>
      <c r="AY75" s="78"/>
      <c r="AZ75" s="77"/>
      <c r="BA75" s="77"/>
      <c r="BB75" s="77"/>
      <c r="BC75" s="78"/>
      <c r="BE75" s="24"/>
      <c r="BF75" s="25"/>
    </row>
    <row r="76" spans="2:59" ht="21" customHeight="1" x14ac:dyDescent="0.15">
      <c r="B76" s="18"/>
      <c r="C76" s="79"/>
      <c r="D76" s="80"/>
      <c r="E76" s="80"/>
      <c r="F76" s="80"/>
      <c r="G76" s="79"/>
      <c r="H76" s="80"/>
      <c r="I76" s="80"/>
      <c r="J76" s="81"/>
      <c r="K76" s="80"/>
      <c r="L76" s="80"/>
      <c r="M76" s="80"/>
      <c r="N76" s="80"/>
      <c r="O76" s="88"/>
      <c r="P76" s="89"/>
      <c r="Q76" s="90"/>
      <c r="R76" s="89"/>
      <c r="S76" s="89"/>
      <c r="T76" s="89"/>
      <c r="U76" s="88"/>
      <c r="V76" s="89"/>
      <c r="W76" s="89"/>
      <c r="X76" s="89"/>
      <c r="Y76" s="89"/>
      <c r="Z76" s="90"/>
      <c r="AA76" s="73"/>
      <c r="AB76" s="74"/>
      <c r="AC76" s="74"/>
      <c r="AD76" s="74"/>
      <c r="AE76" s="74"/>
      <c r="AF76" s="74"/>
      <c r="AG76" s="75"/>
      <c r="AH76" s="74"/>
      <c r="AI76" s="74"/>
      <c r="AJ76" s="74"/>
      <c r="AK76" s="74"/>
      <c r="AL76" s="73"/>
      <c r="AM76" s="74"/>
      <c r="AN76" s="74"/>
      <c r="AO76" s="75"/>
      <c r="AP76" s="74"/>
      <c r="AQ76" s="74"/>
      <c r="AR76" s="74"/>
      <c r="AS76" s="73"/>
      <c r="AT76" s="74"/>
      <c r="AU76" s="75"/>
      <c r="AV76" s="73"/>
      <c r="AW76" s="74"/>
      <c r="AX76" s="74"/>
      <c r="AY76" s="75"/>
      <c r="AZ76" s="74"/>
      <c r="BA76" s="74"/>
      <c r="BB76" s="74"/>
      <c r="BC76" s="75"/>
      <c r="BE76" s="24"/>
      <c r="BF76" s="25"/>
    </row>
    <row r="77" spans="2:59" ht="21" customHeight="1" thickBot="1" x14ac:dyDescent="0.2">
      <c r="B77" s="18"/>
      <c r="C77" s="82"/>
      <c r="D77" s="83"/>
      <c r="E77" s="83"/>
      <c r="F77" s="83"/>
      <c r="G77" s="82"/>
      <c r="H77" s="83"/>
      <c r="I77" s="83"/>
      <c r="J77" s="84"/>
      <c r="K77" s="83"/>
      <c r="L77" s="83"/>
      <c r="M77" s="83"/>
      <c r="N77" s="83"/>
      <c r="O77" s="94"/>
      <c r="P77" s="95"/>
      <c r="Q77" s="96"/>
      <c r="R77" s="95"/>
      <c r="S77" s="95"/>
      <c r="T77" s="95"/>
      <c r="U77" s="94"/>
      <c r="V77" s="95"/>
      <c r="W77" s="95"/>
      <c r="X77" s="95"/>
      <c r="Y77" s="95"/>
      <c r="Z77" s="96"/>
      <c r="AA77" s="175"/>
      <c r="AB77" s="176"/>
      <c r="AC77" s="176"/>
      <c r="AD77" s="176"/>
      <c r="AE77" s="176"/>
      <c r="AF77" s="176"/>
      <c r="AG77" s="177"/>
      <c r="AH77" s="176"/>
      <c r="AI77" s="176"/>
      <c r="AJ77" s="176"/>
      <c r="AK77" s="176"/>
      <c r="AL77" s="175"/>
      <c r="AM77" s="176"/>
      <c r="AN77" s="176"/>
      <c r="AO77" s="177"/>
      <c r="AP77" s="176"/>
      <c r="AQ77" s="176"/>
      <c r="AR77" s="176"/>
      <c r="AS77" s="175"/>
      <c r="AT77" s="176"/>
      <c r="AU77" s="177"/>
      <c r="AV77" s="175"/>
      <c r="AW77" s="176"/>
      <c r="AX77" s="176"/>
      <c r="AY77" s="177"/>
      <c r="AZ77" s="176"/>
      <c r="BA77" s="176"/>
      <c r="BB77" s="176"/>
      <c r="BC77" s="177"/>
      <c r="BE77" s="24"/>
      <c r="BF77" s="25"/>
    </row>
    <row r="78" spans="2:59" ht="24.75" customHeight="1" thickTop="1" x14ac:dyDescent="0.15">
      <c r="B78" s="18"/>
      <c r="C78" s="64"/>
      <c r="D78" s="38"/>
      <c r="E78" s="38"/>
      <c r="F78" s="38"/>
      <c r="G78" s="64"/>
      <c r="H78" s="59"/>
      <c r="I78" s="59"/>
      <c r="J78" s="60"/>
      <c r="K78" s="59"/>
      <c r="L78" s="59"/>
      <c r="M78" s="59"/>
      <c r="N78" s="59"/>
      <c r="O78" s="58"/>
      <c r="P78" s="59"/>
      <c r="Q78" s="60"/>
      <c r="R78" s="59"/>
      <c r="S78" s="59"/>
      <c r="T78" s="59"/>
      <c r="U78" s="249"/>
      <c r="V78" s="250"/>
      <c r="W78" s="250"/>
      <c r="X78" s="250"/>
      <c r="Y78" s="250"/>
      <c r="Z78" s="251"/>
      <c r="AA78" s="58"/>
      <c r="AB78" s="59"/>
      <c r="AC78" s="59"/>
      <c r="AD78" s="59"/>
      <c r="AE78" s="59"/>
      <c r="AF78" s="59"/>
      <c r="AG78" s="60"/>
      <c r="AH78" s="59"/>
      <c r="AI78" s="59"/>
      <c r="AJ78" s="59"/>
      <c r="AK78" s="59"/>
      <c r="AL78" s="85"/>
      <c r="AM78" s="86"/>
      <c r="AN78" s="86"/>
      <c r="AO78" s="87"/>
      <c r="AP78" s="86"/>
      <c r="AQ78" s="86"/>
      <c r="AR78" s="86"/>
      <c r="AS78" s="85"/>
      <c r="AT78" s="86"/>
      <c r="AU78" s="87"/>
      <c r="AV78" s="85"/>
      <c r="AW78" s="86"/>
      <c r="AX78" s="86"/>
      <c r="AY78" s="87"/>
      <c r="AZ78" s="59"/>
      <c r="BA78" s="59"/>
      <c r="BB78" s="59"/>
      <c r="BC78" s="60"/>
      <c r="BE78" s="24"/>
      <c r="BF78" s="25"/>
    </row>
    <row r="79" spans="2:59" ht="14.25" customHeight="1" x14ac:dyDescent="0.15">
      <c r="B79" s="18"/>
      <c r="C79" s="44"/>
      <c r="D79" s="44"/>
      <c r="E79" s="44"/>
      <c r="F79" s="44"/>
      <c r="G79" s="44"/>
      <c r="H79" s="63"/>
      <c r="I79" s="63"/>
      <c r="J79" s="63"/>
      <c r="K79" s="63"/>
      <c r="L79" s="63"/>
      <c r="M79" s="63"/>
      <c r="N79" s="63"/>
      <c r="O79" s="63"/>
      <c r="P79" s="63"/>
      <c r="Q79" s="63"/>
      <c r="R79" s="63"/>
      <c r="S79" s="63"/>
      <c r="T79" s="63"/>
      <c r="U79" s="45"/>
      <c r="V79" s="45"/>
      <c r="W79" s="45"/>
      <c r="X79" s="45"/>
      <c r="Y79" s="45"/>
      <c r="Z79" s="45"/>
      <c r="AA79" s="63"/>
      <c r="AB79" s="63"/>
      <c r="AC79" s="63"/>
      <c r="AD79" s="63"/>
      <c r="AE79" s="63"/>
      <c r="AF79" s="63"/>
      <c r="AG79" s="63"/>
      <c r="AH79" s="63"/>
      <c r="AI79" s="63"/>
      <c r="AJ79" s="63"/>
      <c r="AK79" s="63"/>
      <c r="AL79" s="63"/>
      <c r="AM79" s="63"/>
      <c r="AN79" s="63"/>
      <c r="AO79" s="63"/>
      <c r="AP79" s="63"/>
      <c r="AQ79" s="63"/>
      <c r="AR79" s="63"/>
      <c r="AS79" s="63"/>
      <c r="AT79" s="63"/>
      <c r="AU79" s="63"/>
      <c r="AV79" s="63"/>
      <c r="AW79" s="63"/>
      <c r="AX79" s="63"/>
      <c r="AY79" s="63"/>
      <c r="AZ79" s="63"/>
      <c r="BA79" s="63"/>
      <c r="BB79" s="63"/>
      <c r="BC79" s="63"/>
      <c r="BD79" s="45"/>
      <c r="BE79" s="24"/>
      <c r="BF79" s="25"/>
    </row>
    <row r="80" spans="2:59" x14ac:dyDescent="0.15">
      <c r="B80" s="18"/>
      <c r="C80" s="46" t="s">
        <v>65</v>
      </c>
      <c r="D80" s="46"/>
      <c r="E80" s="47"/>
      <c r="F80" s="47"/>
      <c r="G80" s="47"/>
      <c r="H80" s="47"/>
      <c r="I80" s="47"/>
      <c r="J80" s="47"/>
      <c r="K80" s="47"/>
      <c r="L80" s="47"/>
      <c r="M80" s="47"/>
      <c r="N80" s="47"/>
      <c r="O80" s="47"/>
      <c r="P80" s="47"/>
      <c r="Q80" s="47"/>
      <c r="R80" s="47"/>
      <c r="S80" s="47"/>
      <c r="T80" s="47"/>
      <c r="U80" s="47"/>
      <c r="V80" s="47"/>
      <c r="W80" s="47"/>
      <c r="X80" s="47"/>
      <c r="Y80" s="47"/>
      <c r="Z80" s="47"/>
      <c r="AA80" s="47"/>
      <c r="AB80" s="47"/>
      <c r="AC80" s="47"/>
      <c r="AD80" s="47"/>
      <c r="AE80" s="47"/>
      <c r="AF80" s="47"/>
      <c r="AG80" s="47"/>
      <c r="AH80" s="47"/>
      <c r="AI80" s="47"/>
      <c r="AJ80" s="47"/>
      <c r="AK80" s="47"/>
      <c r="AL80" s="47"/>
      <c r="AM80" s="47"/>
      <c r="AN80" s="47"/>
      <c r="AO80" s="47"/>
      <c r="AP80" s="47"/>
      <c r="AQ80" s="47"/>
      <c r="AR80" s="48"/>
      <c r="AS80" s="48"/>
      <c r="AT80" s="48"/>
      <c r="AU80" s="48"/>
      <c r="AV80" s="48"/>
      <c r="AW80" s="48"/>
      <c r="AX80" s="48"/>
      <c r="AY80" s="48"/>
      <c r="AZ80" s="48"/>
      <c r="BA80" s="45"/>
      <c r="BB80" s="45"/>
      <c r="BC80" s="45"/>
      <c r="BD80" s="45"/>
      <c r="BE80" s="21"/>
      <c r="BF80" s="22"/>
      <c r="BG80" s="20"/>
    </row>
    <row r="81" spans="2:64" x14ac:dyDescent="0.15">
      <c r="B81" s="18"/>
      <c r="E81" s="35"/>
      <c r="F81" s="35"/>
      <c r="G81" s="35"/>
      <c r="H81" s="35"/>
      <c r="I81" s="35"/>
      <c r="J81" s="35"/>
      <c r="K81" s="35"/>
      <c r="L81" s="35"/>
      <c r="M81" s="35"/>
      <c r="N81" s="35"/>
      <c r="O81" s="35"/>
      <c r="P81" s="35"/>
      <c r="Q81" s="35"/>
      <c r="R81" s="35"/>
      <c r="S81" s="35"/>
      <c r="T81" s="35"/>
      <c r="U81" s="35"/>
      <c r="V81" s="35"/>
      <c r="W81" s="35"/>
      <c r="X81" s="35"/>
      <c r="Y81" s="35"/>
      <c r="Z81" s="35"/>
      <c r="AA81" s="35"/>
      <c r="AB81" s="35"/>
      <c r="AC81" s="35"/>
      <c r="AD81" s="35"/>
      <c r="AE81" s="35"/>
      <c r="AF81" s="35"/>
      <c r="AG81" s="35"/>
      <c r="AH81" s="35"/>
      <c r="AI81" s="35"/>
      <c r="AJ81" s="35"/>
      <c r="AK81" s="35"/>
      <c r="AL81" s="35"/>
      <c r="AM81" s="35"/>
      <c r="AN81" s="35"/>
      <c r="AO81" s="35"/>
      <c r="AP81" s="35"/>
      <c r="AQ81" s="35"/>
      <c r="AR81" s="35"/>
      <c r="AS81" s="35"/>
      <c r="AT81" s="35"/>
      <c r="AU81" s="35"/>
      <c r="AV81" s="35"/>
      <c r="AW81" s="35"/>
      <c r="AX81" s="35"/>
      <c r="AY81" s="35"/>
      <c r="AZ81" s="35"/>
      <c r="BA81" s="248" t="s">
        <v>5</v>
      </c>
      <c r="BB81" s="248"/>
      <c r="BC81" s="248"/>
      <c r="BD81" s="19"/>
      <c r="BE81" s="36"/>
      <c r="BF81" s="25"/>
    </row>
    <row r="82" spans="2:64" ht="24.75" customHeight="1" x14ac:dyDescent="0.15">
      <c r="B82" s="18"/>
      <c r="C82" s="97" t="s">
        <v>29</v>
      </c>
      <c r="D82" s="98"/>
      <c r="E82" s="98"/>
      <c r="F82" s="99"/>
      <c r="G82" s="98" t="s">
        <v>30</v>
      </c>
      <c r="H82" s="98"/>
      <c r="I82" s="98"/>
      <c r="J82" s="99"/>
      <c r="K82" s="98" t="s">
        <v>31</v>
      </c>
      <c r="L82" s="98"/>
      <c r="M82" s="98"/>
      <c r="N82" s="99"/>
      <c r="O82" s="98" t="s">
        <v>8</v>
      </c>
      <c r="P82" s="98"/>
      <c r="Q82" s="99"/>
      <c r="R82" s="98" t="s">
        <v>32</v>
      </c>
      <c r="S82" s="98"/>
      <c r="T82" s="99"/>
      <c r="U82" s="221" t="s">
        <v>33</v>
      </c>
      <c r="V82" s="222"/>
      <c r="W82" s="222"/>
      <c r="X82" s="222"/>
      <c r="Y82" s="222"/>
      <c r="Z82" s="223"/>
      <c r="AA82" s="221" t="s">
        <v>34</v>
      </c>
      <c r="AB82" s="222"/>
      <c r="AC82" s="222"/>
      <c r="AD82" s="222"/>
      <c r="AE82" s="222"/>
      <c r="AF82" s="222"/>
      <c r="AG82" s="223"/>
      <c r="AH82" s="98" t="s">
        <v>35</v>
      </c>
      <c r="AI82" s="98"/>
      <c r="AJ82" s="98"/>
      <c r="AK82" s="98"/>
      <c r="AL82" s="97" t="s">
        <v>36</v>
      </c>
      <c r="AM82" s="98"/>
      <c r="AN82" s="98"/>
      <c r="AO82" s="99"/>
      <c r="AP82" s="230" t="s">
        <v>42</v>
      </c>
      <c r="AQ82" s="231"/>
      <c r="AR82" s="232"/>
      <c r="AS82" s="230" t="s">
        <v>11</v>
      </c>
      <c r="AT82" s="231"/>
      <c r="AU82" s="236"/>
      <c r="AV82" s="238" t="s">
        <v>38</v>
      </c>
      <c r="AW82" s="239"/>
      <c r="AX82" s="239"/>
      <c r="AY82" s="240"/>
      <c r="AZ82" s="115" t="s">
        <v>16</v>
      </c>
      <c r="BA82" s="115"/>
      <c r="BB82" s="115"/>
      <c r="BC82" s="116"/>
      <c r="BE82" s="24"/>
      <c r="BF82" s="25"/>
    </row>
    <row r="83" spans="2:64" ht="24.75" customHeight="1" x14ac:dyDescent="0.15">
      <c r="B83" s="18"/>
      <c r="C83" s="100"/>
      <c r="D83" s="263"/>
      <c r="E83" s="101"/>
      <c r="F83" s="102"/>
      <c r="G83" s="101"/>
      <c r="H83" s="101"/>
      <c r="I83" s="101"/>
      <c r="J83" s="102"/>
      <c r="K83" s="101"/>
      <c r="L83" s="101"/>
      <c r="M83" s="101"/>
      <c r="N83" s="102"/>
      <c r="O83" s="101"/>
      <c r="P83" s="101"/>
      <c r="Q83" s="102"/>
      <c r="R83" s="101"/>
      <c r="S83" s="101"/>
      <c r="T83" s="102"/>
      <c r="U83" s="224"/>
      <c r="V83" s="225"/>
      <c r="W83" s="225"/>
      <c r="X83" s="225"/>
      <c r="Y83" s="225"/>
      <c r="Z83" s="226"/>
      <c r="AA83" s="224"/>
      <c r="AB83" s="225"/>
      <c r="AC83" s="225"/>
      <c r="AD83" s="225"/>
      <c r="AE83" s="225"/>
      <c r="AF83" s="225"/>
      <c r="AG83" s="226"/>
      <c r="AH83" s="101"/>
      <c r="AI83" s="101"/>
      <c r="AJ83" s="101"/>
      <c r="AK83" s="101"/>
      <c r="AL83" s="100"/>
      <c r="AM83" s="101"/>
      <c r="AN83" s="101"/>
      <c r="AO83" s="102"/>
      <c r="AP83" s="233"/>
      <c r="AQ83" s="234"/>
      <c r="AR83" s="235"/>
      <c r="AS83" s="233"/>
      <c r="AT83" s="234"/>
      <c r="AU83" s="237"/>
      <c r="AV83" s="241"/>
      <c r="AW83" s="242"/>
      <c r="AX83" s="242"/>
      <c r="AY83" s="243"/>
      <c r="AZ83" s="118"/>
      <c r="BA83" s="118"/>
      <c r="BB83" s="118"/>
      <c r="BC83" s="119"/>
      <c r="BE83" s="24"/>
      <c r="BF83" s="25"/>
    </row>
    <row r="84" spans="2:64" ht="24.75" customHeight="1" x14ac:dyDescent="0.15">
      <c r="B84" s="18"/>
      <c r="C84" s="100"/>
      <c r="D84" s="263"/>
      <c r="E84" s="101"/>
      <c r="F84" s="102"/>
      <c r="G84" s="101"/>
      <c r="H84" s="101"/>
      <c r="I84" s="101"/>
      <c r="J84" s="102"/>
      <c r="K84" s="101"/>
      <c r="L84" s="101"/>
      <c r="M84" s="101"/>
      <c r="N84" s="102"/>
      <c r="O84" s="101"/>
      <c r="P84" s="101"/>
      <c r="Q84" s="102"/>
      <c r="R84" s="101"/>
      <c r="S84" s="101"/>
      <c r="T84" s="102"/>
      <c r="U84" s="224"/>
      <c r="V84" s="225"/>
      <c r="W84" s="225"/>
      <c r="X84" s="225"/>
      <c r="Y84" s="225"/>
      <c r="Z84" s="226"/>
      <c r="AA84" s="224"/>
      <c r="AB84" s="225"/>
      <c r="AC84" s="225"/>
      <c r="AD84" s="225"/>
      <c r="AE84" s="225"/>
      <c r="AF84" s="225"/>
      <c r="AG84" s="226"/>
      <c r="AH84" s="101"/>
      <c r="AI84" s="101"/>
      <c r="AJ84" s="101"/>
      <c r="AK84" s="101"/>
      <c r="AL84" s="100"/>
      <c r="AM84" s="101"/>
      <c r="AN84" s="101"/>
      <c r="AO84" s="102"/>
      <c r="AP84" s="233"/>
      <c r="AQ84" s="234"/>
      <c r="AR84" s="235"/>
      <c r="AS84" s="233"/>
      <c r="AT84" s="234"/>
      <c r="AU84" s="237"/>
      <c r="AV84" s="241"/>
      <c r="AW84" s="242"/>
      <c r="AX84" s="242"/>
      <c r="AY84" s="243"/>
      <c r="AZ84" s="118"/>
      <c r="BA84" s="118"/>
      <c r="BB84" s="118"/>
      <c r="BC84" s="119"/>
      <c r="BE84" s="24"/>
      <c r="BF84" s="25"/>
    </row>
    <row r="85" spans="2:64" ht="17.25" customHeight="1" x14ac:dyDescent="0.15">
      <c r="B85" s="18"/>
      <c r="C85" s="100"/>
      <c r="D85" s="263"/>
      <c r="E85" s="101"/>
      <c r="F85" s="102"/>
      <c r="G85" s="101"/>
      <c r="H85" s="101"/>
      <c r="I85" s="101"/>
      <c r="J85" s="102"/>
      <c r="K85" s="101"/>
      <c r="L85" s="101"/>
      <c r="M85" s="101"/>
      <c r="N85" s="102"/>
      <c r="O85" s="101"/>
      <c r="P85" s="101"/>
      <c r="Q85" s="102"/>
      <c r="R85" s="101"/>
      <c r="S85" s="101"/>
      <c r="T85" s="102"/>
      <c r="U85" s="224"/>
      <c r="V85" s="225"/>
      <c r="W85" s="225"/>
      <c r="X85" s="225"/>
      <c r="Y85" s="225"/>
      <c r="Z85" s="226"/>
      <c r="AA85" s="224"/>
      <c r="AB85" s="225"/>
      <c r="AC85" s="225"/>
      <c r="AD85" s="225"/>
      <c r="AE85" s="225"/>
      <c r="AF85" s="225"/>
      <c r="AG85" s="226"/>
      <c r="AH85" s="101"/>
      <c r="AI85" s="101"/>
      <c r="AJ85" s="101"/>
      <c r="AK85" s="101"/>
      <c r="AL85" s="100"/>
      <c r="AM85" s="101"/>
      <c r="AN85" s="101"/>
      <c r="AO85" s="102"/>
      <c r="AP85" s="233"/>
      <c r="AQ85" s="234"/>
      <c r="AR85" s="235"/>
      <c r="AS85" s="233"/>
      <c r="AT85" s="234"/>
      <c r="AU85" s="237"/>
      <c r="AV85" s="244" t="s">
        <v>43</v>
      </c>
      <c r="AW85" s="234"/>
      <c r="AX85" s="234"/>
      <c r="AY85" s="235"/>
      <c r="AZ85" s="118"/>
      <c r="BA85" s="118"/>
      <c r="BB85" s="118"/>
      <c r="BC85" s="119"/>
      <c r="BE85" s="24"/>
      <c r="BF85" s="25"/>
    </row>
    <row r="86" spans="2:64" ht="24.75" customHeight="1" x14ac:dyDescent="0.15">
      <c r="B86" s="18"/>
      <c r="C86" s="100"/>
      <c r="D86" s="263"/>
      <c r="E86" s="101"/>
      <c r="F86" s="102"/>
      <c r="G86" s="101"/>
      <c r="H86" s="101"/>
      <c r="I86" s="101"/>
      <c r="J86" s="102"/>
      <c r="K86" s="101"/>
      <c r="L86" s="101"/>
      <c r="M86" s="101"/>
      <c r="N86" s="102"/>
      <c r="O86" s="101"/>
      <c r="P86" s="101"/>
      <c r="Q86" s="102"/>
      <c r="R86" s="101"/>
      <c r="S86" s="101"/>
      <c r="T86" s="102"/>
      <c r="U86" s="227"/>
      <c r="V86" s="228"/>
      <c r="W86" s="228"/>
      <c r="X86" s="228"/>
      <c r="Y86" s="228"/>
      <c r="Z86" s="229"/>
      <c r="AA86" s="227"/>
      <c r="AB86" s="228"/>
      <c r="AC86" s="228"/>
      <c r="AD86" s="228"/>
      <c r="AE86" s="228"/>
      <c r="AF86" s="228"/>
      <c r="AG86" s="229"/>
      <c r="AH86" s="101"/>
      <c r="AI86" s="101"/>
      <c r="AJ86" s="101"/>
      <c r="AK86" s="101"/>
      <c r="AL86" s="100"/>
      <c r="AM86" s="101"/>
      <c r="AN86" s="101"/>
      <c r="AO86" s="102"/>
      <c r="AP86" s="233" t="s">
        <v>40</v>
      </c>
      <c r="AQ86" s="234"/>
      <c r="AR86" s="235"/>
      <c r="AS86" s="245" t="s">
        <v>41</v>
      </c>
      <c r="AT86" s="246"/>
      <c r="AU86" s="247"/>
      <c r="AV86" s="245"/>
      <c r="AW86" s="246"/>
      <c r="AX86" s="246"/>
      <c r="AY86" s="247"/>
      <c r="AZ86" s="121"/>
      <c r="BA86" s="121"/>
      <c r="BB86" s="121"/>
      <c r="BC86" s="122"/>
      <c r="BE86" s="24"/>
      <c r="BF86" s="25"/>
    </row>
    <row r="87" spans="2:64" ht="21" customHeight="1" x14ac:dyDescent="0.15">
      <c r="B87" s="18"/>
      <c r="C87" s="73"/>
      <c r="D87" s="74"/>
      <c r="E87" s="74"/>
      <c r="F87" s="75"/>
      <c r="G87" s="74"/>
      <c r="H87" s="74"/>
      <c r="I87" s="74"/>
      <c r="J87" s="75"/>
      <c r="K87" s="74"/>
      <c r="L87" s="74"/>
      <c r="M87" s="74"/>
      <c r="N87" s="75"/>
      <c r="O87" s="206"/>
      <c r="P87" s="206"/>
      <c r="Q87" s="207"/>
      <c r="R87" s="206"/>
      <c r="S87" s="206"/>
      <c r="T87" s="207"/>
      <c r="U87" s="210"/>
      <c r="V87" s="211"/>
      <c r="W87" s="211"/>
      <c r="X87" s="211"/>
      <c r="Y87" s="211"/>
      <c r="Z87" s="212"/>
      <c r="AA87" s="193"/>
      <c r="AB87" s="194"/>
      <c r="AC87" s="194"/>
      <c r="AD87" s="194"/>
      <c r="AE87" s="194"/>
      <c r="AF87" s="194"/>
      <c r="AG87" s="195"/>
      <c r="AH87" s="74"/>
      <c r="AI87" s="74"/>
      <c r="AJ87" s="74"/>
      <c r="AK87" s="74"/>
      <c r="AL87" s="73"/>
      <c r="AM87" s="74"/>
      <c r="AN87" s="74"/>
      <c r="AO87" s="75"/>
      <c r="AP87" s="193"/>
      <c r="AQ87" s="194"/>
      <c r="AR87" s="195"/>
      <c r="AS87" s="199"/>
      <c r="AT87" s="151"/>
      <c r="AU87" s="200"/>
      <c r="AV87" s="150"/>
      <c r="AW87" s="151"/>
      <c r="AX87" s="151"/>
      <c r="AY87" s="152"/>
      <c r="AZ87" s="156"/>
      <c r="BA87" s="156"/>
      <c r="BB87" s="156"/>
      <c r="BC87" s="157"/>
      <c r="BE87" s="24"/>
      <c r="BF87" s="25"/>
    </row>
    <row r="88" spans="2:64" ht="21" customHeight="1" x14ac:dyDescent="0.15">
      <c r="B88" s="18"/>
      <c r="C88" s="76"/>
      <c r="D88" s="77"/>
      <c r="E88" s="77"/>
      <c r="F88" s="78"/>
      <c r="G88" s="77"/>
      <c r="H88" s="77"/>
      <c r="I88" s="77"/>
      <c r="J88" s="78"/>
      <c r="K88" s="77"/>
      <c r="L88" s="77"/>
      <c r="M88" s="77"/>
      <c r="N88" s="78"/>
      <c r="O88" s="208"/>
      <c r="P88" s="208"/>
      <c r="Q88" s="209"/>
      <c r="R88" s="208"/>
      <c r="S88" s="208"/>
      <c r="T88" s="209"/>
      <c r="U88" s="213"/>
      <c r="V88" s="214"/>
      <c r="W88" s="214"/>
      <c r="X88" s="214"/>
      <c r="Y88" s="214"/>
      <c r="Z88" s="215"/>
      <c r="AA88" s="196"/>
      <c r="AB88" s="197"/>
      <c r="AC88" s="197"/>
      <c r="AD88" s="197"/>
      <c r="AE88" s="197"/>
      <c r="AF88" s="197"/>
      <c r="AG88" s="198"/>
      <c r="AH88" s="77"/>
      <c r="AI88" s="77"/>
      <c r="AJ88" s="77"/>
      <c r="AK88" s="77"/>
      <c r="AL88" s="76"/>
      <c r="AM88" s="77"/>
      <c r="AN88" s="77"/>
      <c r="AO88" s="78"/>
      <c r="AP88" s="196"/>
      <c r="AQ88" s="197"/>
      <c r="AR88" s="198"/>
      <c r="AS88" s="201"/>
      <c r="AT88" s="202"/>
      <c r="AU88" s="203"/>
      <c r="AV88" s="204"/>
      <c r="AW88" s="202"/>
      <c r="AX88" s="202"/>
      <c r="AY88" s="205"/>
      <c r="AZ88" s="77"/>
      <c r="BA88" s="77"/>
      <c r="BB88" s="77"/>
      <c r="BC88" s="78"/>
      <c r="BE88" s="24"/>
      <c r="BF88" s="25"/>
    </row>
    <row r="89" spans="2:64" ht="21" customHeight="1" x14ac:dyDescent="0.15">
      <c r="B89" s="39"/>
      <c r="C89" s="73"/>
      <c r="D89" s="74"/>
      <c r="E89" s="74"/>
      <c r="F89" s="75"/>
      <c r="G89" s="156"/>
      <c r="H89" s="156"/>
      <c r="I89" s="156"/>
      <c r="J89" s="157"/>
      <c r="K89" s="156"/>
      <c r="L89" s="156"/>
      <c r="M89" s="156"/>
      <c r="N89" s="157"/>
      <c r="O89" s="178"/>
      <c r="P89" s="178"/>
      <c r="Q89" s="179"/>
      <c r="R89" s="178"/>
      <c r="S89" s="178"/>
      <c r="T89" s="179"/>
      <c r="U89" s="180"/>
      <c r="V89" s="181"/>
      <c r="W89" s="181"/>
      <c r="X89" s="181"/>
      <c r="Y89" s="181"/>
      <c r="Z89" s="182"/>
      <c r="AA89" s="186"/>
      <c r="AB89" s="187"/>
      <c r="AC89" s="187"/>
      <c r="AD89" s="187"/>
      <c r="AE89" s="187"/>
      <c r="AF89" s="187"/>
      <c r="AG89" s="188"/>
      <c r="AH89" s="73"/>
      <c r="AI89" s="74"/>
      <c r="AJ89" s="74"/>
      <c r="AK89" s="75"/>
      <c r="AL89" s="192"/>
      <c r="AM89" s="156"/>
      <c r="AN89" s="156"/>
      <c r="AO89" s="157"/>
      <c r="AP89" s="186"/>
      <c r="AQ89" s="187"/>
      <c r="AR89" s="188"/>
      <c r="AS89" s="216"/>
      <c r="AT89" s="217"/>
      <c r="AU89" s="218"/>
      <c r="AV89" s="150"/>
      <c r="AW89" s="151"/>
      <c r="AX89" s="151"/>
      <c r="AY89" s="152"/>
      <c r="AZ89" s="156"/>
      <c r="BA89" s="156"/>
      <c r="BB89" s="156"/>
      <c r="BC89" s="157"/>
      <c r="BE89" s="24"/>
      <c r="BF89" s="25"/>
    </row>
    <row r="90" spans="2:64" ht="21" customHeight="1" thickBot="1" x14ac:dyDescent="0.2">
      <c r="B90" s="39"/>
      <c r="C90" s="175"/>
      <c r="D90" s="176"/>
      <c r="E90" s="176"/>
      <c r="F90" s="177"/>
      <c r="G90" s="156"/>
      <c r="H90" s="156"/>
      <c r="I90" s="156"/>
      <c r="J90" s="157"/>
      <c r="K90" s="156"/>
      <c r="L90" s="156"/>
      <c r="M90" s="156"/>
      <c r="N90" s="157"/>
      <c r="O90" s="178"/>
      <c r="P90" s="178"/>
      <c r="Q90" s="179"/>
      <c r="R90" s="178"/>
      <c r="S90" s="178"/>
      <c r="T90" s="179"/>
      <c r="U90" s="183"/>
      <c r="V90" s="184"/>
      <c r="W90" s="184"/>
      <c r="X90" s="184"/>
      <c r="Y90" s="184"/>
      <c r="Z90" s="185"/>
      <c r="AA90" s="189"/>
      <c r="AB90" s="190"/>
      <c r="AC90" s="190"/>
      <c r="AD90" s="190"/>
      <c r="AE90" s="190"/>
      <c r="AF90" s="190"/>
      <c r="AG90" s="191"/>
      <c r="AH90" s="175"/>
      <c r="AI90" s="176"/>
      <c r="AJ90" s="176"/>
      <c r="AK90" s="177"/>
      <c r="AL90" s="192"/>
      <c r="AM90" s="156"/>
      <c r="AN90" s="156"/>
      <c r="AO90" s="157"/>
      <c r="AP90" s="189"/>
      <c r="AQ90" s="190"/>
      <c r="AR90" s="191"/>
      <c r="AS90" s="219"/>
      <c r="AT90" s="154"/>
      <c r="AU90" s="220"/>
      <c r="AV90" s="153"/>
      <c r="AW90" s="154"/>
      <c r="AX90" s="154"/>
      <c r="AY90" s="155"/>
      <c r="AZ90" s="156"/>
      <c r="BA90" s="156"/>
      <c r="BB90" s="156"/>
      <c r="BC90" s="157"/>
      <c r="BE90" s="24"/>
      <c r="BF90" s="25"/>
    </row>
    <row r="91" spans="2:64" ht="24.75" customHeight="1" thickTop="1" x14ac:dyDescent="0.15">
      <c r="B91" s="39"/>
      <c r="C91" s="38"/>
      <c r="D91" s="38"/>
      <c r="E91" s="38"/>
      <c r="F91" s="40"/>
      <c r="G91" s="33"/>
      <c r="H91" s="56"/>
      <c r="I91" s="56"/>
      <c r="J91" s="57"/>
      <c r="K91" s="56"/>
      <c r="L91" s="56"/>
      <c r="M91" s="56"/>
      <c r="N91" s="57"/>
      <c r="O91" s="56"/>
      <c r="P91" s="56"/>
      <c r="Q91" s="57"/>
      <c r="R91" s="56"/>
      <c r="S91" s="56"/>
      <c r="T91" s="57"/>
      <c r="U91" s="158"/>
      <c r="V91" s="159"/>
      <c r="W91" s="159"/>
      <c r="X91" s="159"/>
      <c r="Y91" s="159"/>
      <c r="Z91" s="160"/>
      <c r="AA91" s="161"/>
      <c r="AB91" s="161"/>
      <c r="AC91" s="161"/>
      <c r="AD91" s="161"/>
      <c r="AE91" s="161"/>
      <c r="AF91" s="161"/>
      <c r="AG91" s="162"/>
      <c r="AH91" s="59"/>
      <c r="AI91" s="59"/>
      <c r="AJ91" s="59"/>
      <c r="AK91" s="59"/>
      <c r="AL91" s="163"/>
      <c r="AM91" s="161"/>
      <c r="AN91" s="161"/>
      <c r="AO91" s="162"/>
      <c r="AP91" s="164"/>
      <c r="AQ91" s="165"/>
      <c r="AR91" s="166"/>
      <c r="AS91" s="164"/>
      <c r="AT91" s="165"/>
      <c r="AU91" s="167"/>
      <c r="AV91" s="168"/>
      <c r="AW91" s="165"/>
      <c r="AX91" s="165"/>
      <c r="AY91" s="166"/>
      <c r="AZ91" s="56"/>
      <c r="BA91" s="56"/>
      <c r="BB91" s="56"/>
      <c r="BC91" s="57"/>
      <c r="BE91" s="24"/>
      <c r="BF91" s="25"/>
    </row>
    <row r="92" spans="2:64" x14ac:dyDescent="0.15">
      <c r="B92" s="18"/>
      <c r="C92" s="37"/>
      <c r="D92" s="37"/>
      <c r="E92" s="37"/>
      <c r="F92" s="37"/>
      <c r="G92" s="37"/>
      <c r="H92" s="63"/>
      <c r="I92" s="63"/>
      <c r="J92" s="63"/>
      <c r="K92" s="63"/>
      <c r="L92" s="63"/>
      <c r="M92" s="63"/>
      <c r="N92" s="63"/>
      <c r="O92" s="63"/>
      <c r="P92" s="63"/>
      <c r="Q92" s="63"/>
      <c r="R92" s="63"/>
      <c r="S92" s="63"/>
      <c r="T92" s="63"/>
      <c r="W92" s="63"/>
      <c r="X92" s="63"/>
      <c r="Y92" s="63"/>
      <c r="Z92" s="63"/>
      <c r="AA92" s="63"/>
      <c r="AB92" s="63"/>
      <c r="AC92" s="63"/>
      <c r="AD92" s="63"/>
      <c r="AE92" s="63"/>
      <c r="AF92" s="63"/>
      <c r="AG92" s="63"/>
      <c r="AH92" s="63"/>
      <c r="AI92" s="63"/>
      <c r="AJ92" s="63"/>
      <c r="AK92" s="63"/>
      <c r="AL92" s="63"/>
      <c r="AM92" s="63"/>
      <c r="AN92" s="63"/>
      <c r="AO92" s="63"/>
      <c r="AP92" s="63"/>
      <c r="AQ92" s="63"/>
      <c r="AR92" s="63"/>
      <c r="AS92" s="63"/>
      <c r="AT92" s="63"/>
      <c r="AU92" s="63"/>
      <c r="AV92" s="63"/>
      <c r="AW92" s="63"/>
      <c r="AX92" s="63"/>
      <c r="AY92" s="63"/>
      <c r="AZ92" s="63"/>
      <c r="BA92" s="63"/>
      <c r="BB92" s="63"/>
      <c r="BC92" s="63"/>
      <c r="BE92" s="24"/>
      <c r="BF92" s="25"/>
    </row>
    <row r="93" spans="2:64" x14ac:dyDescent="0.15">
      <c r="B93" s="18"/>
      <c r="C93" s="5" t="s">
        <v>66</v>
      </c>
      <c r="D93" s="5"/>
      <c r="E93" s="3"/>
      <c r="F93" s="3"/>
      <c r="G93" s="3"/>
      <c r="H93" s="3"/>
      <c r="I93" s="3"/>
      <c r="J93" s="3"/>
      <c r="K93" s="3"/>
      <c r="L93" s="3"/>
      <c r="M93" s="3"/>
      <c r="N93" s="3"/>
      <c r="O93" s="3"/>
      <c r="P93" s="3"/>
      <c r="Q93" s="3"/>
      <c r="R93" s="3"/>
      <c r="S93" s="3"/>
      <c r="T93" s="3"/>
      <c r="U93" s="3"/>
      <c r="V93" s="3"/>
      <c r="W93" s="3"/>
      <c r="X93" s="3"/>
      <c r="Y93" s="3"/>
      <c r="Z93" s="3"/>
      <c r="AA93" s="3"/>
      <c r="AB93" s="3"/>
      <c r="AC93" s="3"/>
      <c r="AD93" s="3"/>
      <c r="AE93" s="3"/>
      <c r="AF93" s="3"/>
      <c r="AG93" s="3"/>
      <c r="AH93" s="3"/>
      <c r="AI93" s="3"/>
      <c r="AJ93" s="3"/>
      <c r="AK93" s="3"/>
      <c r="AL93" s="3"/>
      <c r="AM93" s="3"/>
      <c r="AN93" s="3"/>
      <c r="AO93" s="3"/>
      <c r="AP93" s="3"/>
      <c r="AQ93" s="3"/>
      <c r="AR93" s="19"/>
      <c r="AS93" s="19"/>
      <c r="AT93" s="19"/>
      <c r="AU93" s="19"/>
      <c r="AV93" s="19"/>
      <c r="AW93" s="19"/>
      <c r="AX93" s="19"/>
      <c r="AY93" s="19"/>
      <c r="AZ93" s="19"/>
      <c r="BA93" s="19"/>
      <c r="BB93" s="19"/>
      <c r="BC93" s="19"/>
      <c r="BD93" s="20"/>
      <c r="BE93" s="21"/>
      <c r="BF93" s="22"/>
      <c r="BG93" s="20"/>
      <c r="BJ93" s="20"/>
      <c r="BK93" s="23"/>
      <c r="BL93" s="23"/>
    </row>
    <row r="94" spans="2:64" x14ac:dyDescent="0.15">
      <c r="B94" s="18"/>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c r="AG94" s="3"/>
      <c r="AH94" s="3"/>
      <c r="AI94" s="3"/>
      <c r="AJ94" s="3"/>
      <c r="AK94" s="3"/>
      <c r="AL94" s="3"/>
      <c r="AM94" s="3"/>
      <c r="AN94" s="3"/>
      <c r="AO94" s="3"/>
      <c r="AP94" s="3"/>
      <c r="AQ94" s="3"/>
      <c r="AR94" s="19"/>
      <c r="AS94" s="19"/>
      <c r="AT94" s="19"/>
      <c r="AU94" s="19"/>
      <c r="AV94" s="19"/>
      <c r="AW94" s="19"/>
      <c r="AX94" s="19"/>
      <c r="AY94" s="19"/>
      <c r="AZ94" s="19"/>
      <c r="BA94" s="109" t="s">
        <v>5</v>
      </c>
      <c r="BB94" s="109"/>
      <c r="BC94" s="109"/>
      <c r="BE94" s="21"/>
      <c r="BF94" s="22"/>
      <c r="BG94" s="20"/>
    </row>
    <row r="95" spans="2:64" ht="24.75" customHeight="1" x14ac:dyDescent="0.15">
      <c r="B95" s="18"/>
      <c r="C95" s="97" t="s">
        <v>29</v>
      </c>
      <c r="D95" s="98"/>
      <c r="E95" s="98"/>
      <c r="F95" s="98"/>
      <c r="G95" s="98"/>
      <c r="H95" s="99"/>
      <c r="I95" s="97" t="s">
        <v>7</v>
      </c>
      <c r="J95" s="98"/>
      <c r="K95" s="98"/>
      <c r="L95" s="98"/>
      <c r="M95" s="98"/>
      <c r="N95" s="99"/>
      <c r="O95" s="97" t="s">
        <v>8</v>
      </c>
      <c r="P95" s="98"/>
      <c r="Q95" s="98"/>
      <c r="R95" s="99"/>
      <c r="S95" s="97" t="s">
        <v>9</v>
      </c>
      <c r="T95" s="98"/>
      <c r="U95" s="98"/>
      <c r="V95" s="98"/>
      <c r="W95" s="99"/>
      <c r="X95" s="97" t="s">
        <v>44</v>
      </c>
      <c r="Y95" s="98"/>
      <c r="Z95" s="98"/>
      <c r="AA95" s="98"/>
      <c r="AB95" s="98"/>
      <c r="AC95" s="98"/>
      <c r="AD95" s="98"/>
      <c r="AE95" s="98"/>
      <c r="AF95" s="98"/>
      <c r="AG95" s="98"/>
      <c r="AH95" s="99"/>
      <c r="AI95" s="97" t="s">
        <v>35</v>
      </c>
      <c r="AJ95" s="98"/>
      <c r="AK95" s="98"/>
      <c r="AL95" s="99"/>
      <c r="AM95" s="98" t="s">
        <v>36</v>
      </c>
      <c r="AN95" s="98"/>
      <c r="AO95" s="98"/>
      <c r="AP95" s="99"/>
      <c r="AQ95" s="97" t="s">
        <v>42</v>
      </c>
      <c r="AR95" s="98"/>
      <c r="AS95" s="99"/>
      <c r="AT95" s="97" t="s">
        <v>11</v>
      </c>
      <c r="AU95" s="98"/>
      <c r="AV95" s="99"/>
      <c r="AW95" s="114" t="s">
        <v>38</v>
      </c>
      <c r="AX95" s="115"/>
      <c r="AY95" s="115"/>
      <c r="AZ95" s="116"/>
      <c r="BA95" s="169" t="s">
        <v>16</v>
      </c>
      <c r="BB95" s="170"/>
      <c r="BC95" s="171"/>
      <c r="BE95" s="24"/>
      <c r="BF95" s="25"/>
    </row>
    <row r="96" spans="2:64" ht="24.75" customHeight="1" x14ac:dyDescent="0.15">
      <c r="B96" s="18"/>
      <c r="C96" s="100"/>
      <c r="D96" s="263"/>
      <c r="E96" s="101"/>
      <c r="F96" s="101"/>
      <c r="G96" s="101"/>
      <c r="H96" s="102"/>
      <c r="I96" s="100"/>
      <c r="J96" s="101"/>
      <c r="K96" s="101"/>
      <c r="L96" s="101"/>
      <c r="M96" s="101"/>
      <c r="N96" s="102"/>
      <c r="O96" s="100"/>
      <c r="P96" s="101"/>
      <c r="Q96" s="101"/>
      <c r="R96" s="102"/>
      <c r="S96" s="100"/>
      <c r="T96" s="101"/>
      <c r="U96" s="101"/>
      <c r="V96" s="101"/>
      <c r="W96" s="102"/>
      <c r="X96" s="100"/>
      <c r="Y96" s="101"/>
      <c r="Z96" s="101"/>
      <c r="AA96" s="101"/>
      <c r="AB96" s="101"/>
      <c r="AC96" s="101"/>
      <c r="AD96" s="101"/>
      <c r="AE96" s="101"/>
      <c r="AF96" s="101"/>
      <c r="AG96" s="101"/>
      <c r="AH96" s="102"/>
      <c r="AI96" s="100"/>
      <c r="AJ96" s="101"/>
      <c r="AK96" s="101"/>
      <c r="AL96" s="102"/>
      <c r="AM96" s="101"/>
      <c r="AN96" s="101"/>
      <c r="AO96" s="101"/>
      <c r="AP96" s="102"/>
      <c r="AQ96" s="100"/>
      <c r="AR96" s="101"/>
      <c r="AS96" s="102"/>
      <c r="AT96" s="100"/>
      <c r="AU96" s="101"/>
      <c r="AV96" s="102"/>
      <c r="AW96" s="117"/>
      <c r="AX96" s="118"/>
      <c r="AY96" s="118"/>
      <c r="AZ96" s="119"/>
      <c r="BA96" s="172"/>
      <c r="BB96" s="173"/>
      <c r="BC96" s="174"/>
      <c r="BE96" s="24"/>
      <c r="BF96" s="25"/>
    </row>
    <row r="97" spans="2:64" ht="24.75" customHeight="1" x14ac:dyDescent="0.15">
      <c r="B97" s="18"/>
      <c r="C97" s="100"/>
      <c r="D97" s="263"/>
      <c r="E97" s="101"/>
      <c r="F97" s="101"/>
      <c r="G97" s="101"/>
      <c r="H97" s="102"/>
      <c r="I97" s="100"/>
      <c r="J97" s="101"/>
      <c r="K97" s="101"/>
      <c r="L97" s="101"/>
      <c r="M97" s="101"/>
      <c r="N97" s="102"/>
      <c r="O97" s="100"/>
      <c r="P97" s="101"/>
      <c r="Q97" s="101"/>
      <c r="R97" s="102"/>
      <c r="S97" s="100"/>
      <c r="T97" s="101"/>
      <c r="U97" s="101"/>
      <c r="V97" s="101"/>
      <c r="W97" s="102"/>
      <c r="X97" s="100"/>
      <c r="Y97" s="101"/>
      <c r="Z97" s="101"/>
      <c r="AA97" s="101"/>
      <c r="AB97" s="101"/>
      <c r="AC97" s="101"/>
      <c r="AD97" s="101"/>
      <c r="AE97" s="101"/>
      <c r="AF97" s="101"/>
      <c r="AG97" s="101"/>
      <c r="AH97" s="102"/>
      <c r="AI97" s="100"/>
      <c r="AJ97" s="101"/>
      <c r="AK97" s="101"/>
      <c r="AL97" s="102"/>
      <c r="AM97" s="101"/>
      <c r="AN97" s="101"/>
      <c r="AO97" s="101"/>
      <c r="AP97" s="102"/>
      <c r="AQ97" s="100"/>
      <c r="AR97" s="101"/>
      <c r="AS97" s="102"/>
      <c r="AT97" s="100"/>
      <c r="AU97" s="101"/>
      <c r="AV97" s="102"/>
      <c r="AW97" s="117"/>
      <c r="AX97" s="118"/>
      <c r="AY97" s="118"/>
      <c r="AZ97" s="119"/>
      <c r="BA97" s="172"/>
      <c r="BB97" s="173"/>
      <c r="BC97" s="174"/>
      <c r="BE97" s="24"/>
      <c r="BF97" s="25"/>
    </row>
    <row r="98" spans="2:64" ht="17.25" customHeight="1" x14ac:dyDescent="0.15">
      <c r="B98" s="18"/>
      <c r="C98" s="100"/>
      <c r="D98" s="263"/>
      <c r="E98" s="101"/>
      <c r="F98" s="101"/>
      <c r="G98" s="101"/>
      <c r="H98" s="102"/>
      <c r="I98" s="100"/>
      <c r="J98" s="101"/>
      <c r="K98" s="101"/>
      <c r="L98" s="101"/>
      <c r="M98" s="101"/>
      <c r="N98" s="102"/>
      <c r="O98" s="100"/>
      <c r="P98" s="101"/>
      <c r="Q98" s="101"/>
      <c r="R98" s="102"/>
      <c r="S98" s="100"/>
      <c r="T98" s="101"/>
      <c r="U98" s="101"/>
      <c r="V98" s="101"/>
      <c r="W98" s="102"/>
      <c r="X98" s="100"/>
      <c r="Y98" s="101"/>
      <c r="Z98" s="101"/>
      <c r="AA98" s="101"/>
      <c r="AB98" s="101"/>
      <c r="AC98" s="101"/>
      <c r="AD98" s="101"/>
      <c r="AE98" s="101"/>
      <c r="AF98" s="101"/>
      <c r="AG98" s="101"/>
      <c r="AH98" s="102"/>
      <c r="AI98" s="100"/>
      <c r="AJ98" s="101"/>
      <c r="AK98" s="101"/>
      <c r="AL98" s="102"/>
      <c r="AM98" s="101"/>
      <c r="AN98" s="101"/>
      <c r="AO98" s="101"/>
      <c r="AP98" s="102"/>
      <c r="AQ98" s="100"/>
      <c r="AR98" s="101"/>
      <c r="AS98" s="102"/>
      <c r="AT98" s="100"/>
      <c r="AU98" s="101"/>
      <c r="AV98" s="102"/>
      <c r="AW98" s="100" t="s">
        <v>43</v>
      </c>
      <c r="AX98" s="101"/>
      <c r="AY98" s="101"/>
      <c r="AZ98" s="102"/>
      <c r="BA98" s="172"/>
      <c r="BB98" s="173"/>
      <c r="BC98" s="174"/>
      <c r="BE98" s="24"/>
      <c r="BF98" s="25"/>
    </row>
    <row r="99" spans="2:64" ht="24.75" customHeight="1" x14ac:dyDescent="0.15">
      <c r="B99" s="18"/>
      <c r="C99" s="41"/>
      <c r="D99" s="42"/>
      <c r="E99" s="42"/>
      <c r="F99" s="42"/>
      <c r="G99" s="42"/>
      <c r="H99" s="43"/>
      <c r="I99" s="41"/>
      <c r="J99" s="42"/>
      <c r="K99" s="42"/>
      <c r="L99" s="42"/>
      <c r="M99" s="42"/>
      <c r="N99" s="43"/>
      <c r="O99" s="41"/>
      <c r="P99" s="42"/>
      <c r="Q99" s="42"/>
      <c r="R99" s="43"/>
      <c r="S99" s="103"/>
      <c r="T99" s="104"/>
      <c r="U99" s="104"/>
      <c r="V99" s="104"/>
      <c r="W99" s="105"/>
      <c r="X99" s="103"/>
      <c r="Y99" s="104"/>
      <c r="Z99" s="104"/>
      <c r="AA99" s="104"/>
      <c r="AB99" s="104"/>
      <c r="AC99" s="104"/>
      <c r="AD99" s="104"/>
      <c r="AE99" s="104"/>
      <c r="AF99" s="104"/>
      <c r="AG99" s="104"/>
      <c r="AH99" s="105"/>
      <c r="AI99" s="103"/>
      <c r="AJ99" s="104"/>
      <c r="AK99" s="104"/>
      <c r="AL99" s="105"/>
      <c r="AM99" s="104"/>
      <c r="AN99" s="104"/>
      <c r="AO99" s="104"/>
      <c r="AP99" s="105"/>
      <c r="AQ99" s="103" t="s">
        <v>40</v>
      </c>
      <c r="AR99" s="104"/>
      <c r="AS99" s="105"/>
      <c r="AT99" s="103" t="s">
        <v>41</v>
      </c>
      <c r="AU99" s="104"/>
      <c r="AV99" s="105"/>
      <c r="AW99" s="103"/>
      <c r="AX99" s="104"/>
      <c r="AY99" s="104"/>
      <c r="AZ99" s="105"/>
      <c r="BA99" s="29"/>
      <c r="BB99" s="30"/>
      <c r="BC99" s="31"/>
      <c r="BE99" s="24"/>
      <c r="BF99" s="25"/>
    </row>
    <row r="100" spans="2:64" ht="21" customHeight="1" x14ac:dyDescent="0.15">
      <c r="B100" s="18"/>
      <c r="C100" s="132"/>
      <c r="D100" s="133"/>
      <c r="E100" s="133"/>
      <c r="F100" s="133"/>
      <c r="G100" s="133"/>
      <c r="H100" s="134"/>
      <c r="I100" s="135"/>
      <c r="J100" s="136"/>
      <c r="K100" s="136"/>
      <c r="L100" s="136"/>
      <c r="M100" s="136"/>
      <c r="N100" s="137"/>
      <c r="O100" s="132"/>
      <c r="P100" s="133"/>
      <c r="Q100" s="133"/>
      <c r="R100" s="134"/>
      <c r="S100" s="132"/>
      <c r="T100" s="133"/>
      <c r="U100" s="133"/>
      <c r="V100" s="133"/>
      <c r="W100" s="134"/>
      <c r="X100" s="138"/>
      <c r="Y100" s="139"/>
      <c r="Z100" s="139"/>
      <c r="AA100" s="139"/>
      <c r="AB100" s="139"/>
      <c r="AC100" s="139"/>
      <c r="AD100" s="139"/>
      <c r="AE100" s="139"/>
      <c r="AF100" s="139"/>
      <c r="AG100" s="139"/>
      <c r="AH100" s="140"/>
      <c r="AI100" s="73"/>
      <c r="AJ100" s="74"/>
      <c r="AK100" s="74"/>
      <c r="AL100" s="75"/>
      <c r="AM100" s="73"/>
      <c r="AN100" s="74"/>
      <c r="AO100" s="74"/>
      <c r="AP100" s="75"/>
      <c r="AQ100" s="73"/>
      <c r="AR100" s="74"/>
      <c r="AS100" s="75"/>
      <c r="AT100" s="79"/>
      <c r="AU100" s="80"/>
      <c r="AV100" s="81"/>
      <c r="AW100" s="79"/>
      <c r="AX100" s="80"/>
      <c r="AY100" s="80"/>
      <c r="AZ100" s="81"/>
      <c r="BA100" s="123"/>
      <c r="BB100" s="124"/>
      <c r="BC100" s="125"/>
      <c r="BE100" s="24"/>
      <c r="BF100" s="25"/>
    </row>
    <row r="101" spans="2:64" ht="21" customHeight="1" x14ac:dyDescent="0.15">
      <c r="B101" s="18"/>
      <c r="C101" s="129"/>
      <c r="D101" s="130"/>
      <c r="E101" s="130"/>
      <c r="F101" s="130"/>
      <c r="G101" s="130"/>
      <c r="H101" s="131"/>
      <c r="I101" s="144"/>
      <c r="J101" s="145"/>
      <c r="K101" s="145"/>
      <c r="L101" s="145"/>
      <c r="M101" s="145"/>
      <c r="N101" s="146"/>
      <c r="O101" s="129"/>
      <c r="P101" s="130"/>
      <c r="Q101" s="130"/>
      <c r="R101" s="131"/>
      <c r="S101" s="129"/>
      <c r="T101" s="130"/>
      <c r="U101" s="130"/>
      <c r="V101" s="130"/>
      <c r="W101" s="131"/>
      <c r="X101" s="147"/>
      <c r="Y101" s="148"/>
      <c r="Z101" s="148"/>
      <c r="AA101" s="148"/>
      <c r="AB101" s="148"/>
      <c r="AC101" s="148"/>
      <c r="AD101" s="148"/>
      <c r="AE101" s="148"/>
      <c r="AF101" s="148"/>
      <c r="AG101" s="148"/>
      <c r="AH101" s="149"/>
      <c r="AI101" s="76"/>
      <c r="AJ101" s="77"/>
      <c r="AK101" s="77"/>
      <c r="AL101" s="78"/>
      <c r="AM101" s="76"/>
      <c r="AN101" s="77"/>
      <c r="AO101" s="77"/>
      <c r="AP101" s="78"/>
      <c r="AQ101" s="76"/>
      <c r="AR101" s="77"/>
      <c r="AS101" s="78"/>
      <c r="AT101" s="85"/>
      <c r="AU101" s="86"/>
      <c r="AV101" s="87"/>
      <c r="AW101" s="85"/>
      <c r="AX101" s="86"/>
      <c r="AY101" s="86"/>
      <c r="AZ101" s="87"/>
      <c r="BA101" s="126"/>
      <c r="BB101" s="127"/>
      <c r="BC101" s="128"/>
      <c r="BE101" s="24"/>
      <c r="BF101" s="25"/>
    </row>
    <row r="102" spans="2:64" ht="21" customHeight="1" x14ac:dyDescent="0.15">
      <c r="B102" s="18"/>
      <c r="C102" s="132"/>
      <c r="D102" s="133"/>
      <c r="E102" s="133"/>
      <c r="F102" s="133"/>
      <c r="G102" s="133"/>
      <c r="H102" s="134"/>
      <c r="I102" s="135"/>
      <c r="J102" s="136"/>
      <c r="K102" s="136"/>
      <c r="L102" s="136"/>
      <c r="M102" s="136"/>
      <c r="N102" s="137"/>
      <c r="O102" s="132"/>
      <c r="P102" s="133"/>
      <c r="Q102" s="133"/>
      <c r="R102" s="134"/>
      <c r="S102" s="132"/>
      <c r="T102" s="133"/>
      <c r="U102" s="133"/>
      <c r="V102" s="133"/>
      <c r="W102" s="134"/>
      <c r="X102" s="138"/>
      <c r="Y102" s="139"/>
      <c r="Z102" s="139"/>
      <c r="AA102" s="139"/>
      <c r="AB102" s="139"/>
      <c r="AC102" s="139"/>
      <c r="AD102" s="139"/>
      <c r="AE102" s="139"/>
      <c r="AF102" s="139"/>
      <c r="AG102" s="139"/>
      <c r="AH102" s="140"/>
      <c r="AI102" s="73"/>
      <c r="AJ102" s="74"/>
      <c r="AK102" s="74"/>
      <c r="AL102" s="75"/>
      <c r="AM102" s="73"/>
      <c r="AN102" s="74"/>
      <c r="AO102" s="74"/>
      <c r="AP102" s="75"/>
      <c r="AQ102" s="73"/>
      <c r="AR102" s="74"/>
      <c r="AS102" s="75"/>
      <c r="AT102" s="79"/>
      <c r="AU102" s="80"/>
      <c r="AV102" s="81"/>
      <c r="AW102" s="79"/>
      <c r="AX102" s="80"/>
      <c r="AY102" s="80"/>
      <c r="AZ102" s="81"/>
      <c r="BA102" s="123"/>
      <c r="BB102" s="124"/>
      <c r="BC102" s="125"/>
      <c r="BE102" s="24"/>
      <c r="BF102" s="25"/>
    </row>
    <row r="103" spans="2:64" ht="21" customHeight="1" thickBot="1" x14ac:dyDescent="0.2">
      <c r="B103" s="18"/>
      <c r="C103" s="129"/>
      <c r="D103" s="130"/>
      <c r="E103" s="130"/>
      <c r="F103" s="130"/>
      <c r="G103" s="130"/>
      <c r="H103" s="131"/>
      <c r="I103" s="129"/>
      <c r="J103" s="130"/>
      <c r="K103" s="130"/>
      <c r="L103" s="130"/>
      <c r="M103" s="130"/>
      <c r="N103" s="131"/>
      <c r="O103" s="129"/>
      <c r="P103" s="130"/>
      <c r="Q103" s="130"/>
      <c r="R103" s="131"/>
      <c r="S103" s="129"/>
      <c r="T103" s="130"/>
      <c r="U103" s="130"/>
      <c r="V103" s="130"/>
      <c r="W103" s="131"/>
      <c r="X103" s="141"/>
      <c r="Y103" s="142"/>
      <c r="Z103" s="142"/>
      <c r="AA103" s="142"/>
      <c r="AB103" s="142"/>
      <c r="AC103" s="142"/>
      <c r="AD103" s="142"/>
      <c r="AE103" s="142"/>
      <c r="AF103" s="142"/>
      <c r="AG103" s="142"/>
      <c r="AH103" s="143"/>
      <c r="AI103" s="76"/>
      <c r="AJ103" s="77"/>
      <c r="AK103" s="77"/>
      <c r="AL103" s="78"/>
      <c r="AM103" s="76"/>
      <c r="AN103" s="77"/>
      <c r="AO103" s="77"/>
      <c r="AP103" s="78"/>
      <c r="AQ103" s="76"/>
      <c r="AR103" s="77"/>
      <c r="AS103" s="78"/>
      <c r="AT103" s="85"/>
      <c r="AU103" s="86"/>
      <c r="AV103" s="87"/>
      <c r="AW103" s="85"/>
      <c r="AX103" s="86"/>
      <c r="AY103" s="86"/>
      <c r="AZ103" s="87"/>
      <c r="BA103" s="126"/>
      <c r="BB103" s="127"/>
      <c r="BC103" s="128"/>
      <c r="BE103" s="24"/>
      <c r="BF103" s="25"/>
    </row>
    <row r="104" spans="2:64" ht="24.75" customHeight="1" thickTop="1" x14ac:dyDescent="0.15">
      <c r="B104" s="18"/>
      <c r="C104" s="110"/>
      <c r="D104" s="111"/>
      <c r="E104" s="111"/>
      <c r="F104" s="111"/>
      <c r="G104" s="111"/>
      <c r="H104" s="112"/>
      <c r="I104" s="113"/>
      <c r="J104" s="113"/>
      <c r="K104" s="113"/>
      <c r="L104" s="113"/>
      <c r="M104" s="113"/>
      <c r="N104" s="113"/>
      <c r="O104" s="106"/>
      <c r="P104" s="107"/>
      <c r="Q104" s="107"/>
      <c r="R104" s="108"/>
      <c r="S104" s="106"/>
      <c r="T104" s="107"/>
      <c r="U104" s="107"/>
      <c r="V104" s="107"/>
      <c r="W104" s="107"/>
      <c r="X104" s="106"/>
      <c r="Y104" s="107"/>
      <c r="Z104" s="107"/>
      <c r="AA104" s="107"/>
      <c r="AB104" s="107"/>
      <c r="AC104" s="107"/>
      <c r="AD104" s="107"/>
      <c r="AE104" s="107"/>
      <c r="AF104" s="107"/>
      <c r="AG104" s="107"/>
      <c r="AH104" s="108"/>
      <c r="AI104" s="55"/>
      <c r="AJ104" s="56"/>
      <c r="AK104" s="56"/>
      <c r="AL104" s="57"/>
      <c r="AM104" s="70"/>
      <c r="AN104" s="71"/>
      <c r="AO104" s="71"/>
      <c r="AP104" s="72"/>
      <c r="AQ104" s="70"/>
      <c r="AR104" s="71"/>
      <c r="AS104" s="72"/>
      <c r="AT104" s="70"/>
      <c r="AU104" s="71"/>
      <c r="AV104" s="72"/>
      <c r="AW104" s="70"/>
      <c r="AX104" s="71"/>
      <c r="AY104" s="71"/>
      <c r="AZ104" s="72"/>
      <c r="BA104" s="106"/>
      <c r="BB104" s="107"/>
      <c r="BC104" s="108"/>
      <c r="BE104" s="24"/>
      <c r="BF104" s="25"/>
    </row>
    <row r="105" spans="2:64" x14ac:dyDescent="0.15">
      <c r="B105" s="18"/>
      <c r="C105" s="37"/>
      <c r="D105" s="37"/>
      <c r="E105" s="37"/>
      <c r="F105" s="37"/>
      <c r="G105" s="37"/>
      <c r="H105" s="63"/>
      <c r="I105" s="63"/>
      <c r="J105" s="63"/>
      <c r="K105" s="63"/>
      <c r="L105" s="63"/>
      <c r="M105" s="63"/>
      <c r="N105" s="63"/>
      <c r="O105" s="63"/>
      <c r="P105" s="63"/>
      <c r="Q105" s="63"/>
      <c r="R105" s="63"/>
      <c r="S105" s="63"/>
      <c r="T105" s="63"/>
      <c r="W105" s="63"/>
      <c r="X105" s="63"/>
      <c r="Y105" s="63"/>
      <c r="Z105" s="63"/>
      <c r="AA105" s="63"/>
      <c r="AB105" s="63"/>
      <c r="AC105" s="63"/>
      <c r="AD105" s="63"/>
      <c r="AE105" s="63"/>
      <c r="AF105" s="63"/>
      <c r="AG105" s="63"/>
      <c r="AH105" s="63"/>
      <c r="AI105" s="63"/>
      <c r="AJ105" s="63"/>
      <c r="AK105" s="63"/>
      <c r="AL105" s="63"/>
      <c r="AM105" s="63"/>
      <c r="AN105" s="63"/>
      <c r="AO105" s="63"/>
      <c r="AP105" s="63"/>
      <c r="AQ105" s="63"/>
      <c r="AR105" s="63"/>
      <c r="AS105" s="63"/>
      <c r="AT105" s="63"/>
      <c r="AU105" s="63"/>
      <c r="AV105" s="63"/>
      <c r="AW105" s="63"/>
      <c r="AX105" s="63"/>
      <c r="AY105" s="63"/>
      <c r="AZ105" s="63"/>
      <c r="BA105" s="63"/>
      <c r="BB105" s="63"/>
      <c r="BC105" s="63"/>
      <c r="BE105" s="24"/>
      <c r="BF105" s="25"/>
    </row>
    <row r="106" spans="2:64" x14ac:dyDescent="0.15">
      <c r="B106" s="18"/>
      <c r="C106" s="5" t="s">
        <v>67</v>
      </c>
      <c r="D106" s="5"/>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c r="AF106" s="3"/>
      <c r="AG106" s="3"/>
      <c r="AH106" s="3"/>
      <c r="AI106" s="3"/>
      <c r="AJ106" s="3"/>
      <c r="AK106" s="3"/>
      <c r="AL106" s="3"/>
      <c r="AM106" s="3"/>
      <c r="AN106" s="3"/>
      <c r="AO106" s="3"/>
      <c r="AP106" s="3"/>
      <c r="AQ106" s="3"/>
      <c r="AR106" s="19"/>
      <c r="AS106" s="19"/>
      <c r="AT106" s="19"/>
      <c r="AU106" s="19"/>
      <c r="AV106" s="19"/>
      <c r="AW106" s="19"/>
      <c r="AX106" s="19"/>
      <c r="AY106" s="19"/>
      <c r="AZ106" s="19"/>
      <c r="BA106" s="19"/>
      <c r="BB106" s="19"/>
      <c r="BC106" s="19"/>
      <c r="BD106" s="20"/>
      <c r="BE106" s="21"/>
      <c r="BF106" s="22"/>
      <c r="BG106" s="20"/>
      <c r="BJ106" s="20"/>
      <c r="BK106" s="23"/>
      <c r="BL106" s="23"/>
    </row>
    <row r="107" spans="2:64" ht="10.5" customHeight="1" x14ac:dyDescent="0.15">
      <c r="B107" s="18"/>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c r="AG107" s="3"/>
      <c r="AH107" s="3"/>
      <c r="AI107" s="3"/>
      <c r="AJ107" s="3"/>
      <c r="AK107" s="3"/>
      <c r="AL107" s="3"/>
      <c r="AM107" s="3"/>
      <c r="AN107" s="3"/>
      <c r="AO107" s="3"/>
      <c r="AP107" s="3"/>
      <c r="AQ107" s="3"/>
      <c r="AR107" s="19"/>
      <c r="AS107" s="19"/>
      <c r="AT107" s="19"/>
      <c r="AU107" s="19"/>
      <c r="AV107" s="19"/>
      <c r="AW107" s="19"/>
      <c r="AX107" s="19"/>
      <c r="AY107" s="19"/>
      <c r="AZ107" s="19"/>
      <c r="BA107" s="109" t="s">
        <v>5</v>
      </c>
      <c r="BB107" s="109"/>
      <c r="BC107" s="109"/>
      <c r="BE107" s="21"/>
      <c r="BF107" s="22"/>
      <c r="BG107" s="20"/>
    </row>
    <row r="108" spans="2:64" ht="24.75" customHeight="1" x14ac:dyDescent="0.15">
      <c r="B108" s="18"/>
      <c r="C108" s="97" t="s">
        <v>29</v>
      </c>
      <c r="D108" s="98"/>
      <c r="E108" s="98"/>
      <c r="F108" s="99"/>
      <c r="G108" s="97" t="s">
        <v>30</v>
      </c>
      <c r="H108" s="98"/>
      <c r="I108" s="98"/>
      <c r="J108" s="99"/>
      <c r="K108" s="97" t="s">
        <v>31</v>
      </c>
      <c r="L108" s="98"/>
      <c r="M108" s="98"/>
      <c r="N108" s="99"/>
      <c r="O108" s="97" t="s">
        <v>8</v>
      </c>
      <c r="P108" s="98"/>
      <c r="Q108" s="99"/>
      <c r="R108" s="97" t="s">
        <v>32</v>
      </c>
      <c r="S108" s="98"/>
      <c r="T108" s="99"/>
      <c r="U108" s="97" t="s">
        <v>33</v>
      </c>
      <c r="V108" s="98"/>
      <c r="W108" s="98"/>
      <c r="X108" s="98"/>
      <c r="Y108" s="98"/>
      <c r="Z108" s="99"/>
      <c r="AA108" s="97" t="s">
        <v>34</v>
      </c>
      <c r="AB108" s="98"/>
      <c r="AC108" s="98"/>
      <c r="AD108" s="98"/>
      <c r="AE108" s="98"/>
      <c r="AF108" s="98"/>
      <c r="AG108" s="99"/>
      <c r="AH108" s="97" t="s">
        <v>35</v>
      </c>
      <c r="AI108" s="98"/>
      <c r="AJ108" s="98"/>
      <c r="AK108" s="99"/>
      <c r="AL108" s="97" t="s">
        <v>36</v>
      </c>
      <c r="AM108" s="98"/>
      <c r="AN108" s="98"/>
      <c r="AO108" s="99"/>
      <c r="AP108" s="97" t="s">
        <v>37</v>
      </c>
      <c r="AQ108" s="98"/>
      <c r="AR108" s="99"/>
      <c r="AS108" s="97" t="s">
        <v>11</v>
      </c>
      <c r="AT108" s="98"/>
      <c r="AU108" s="99"/>
      <c r="AV108" s="114" t="s">
        <v>38</v>
      </c>
      <c r="AW108" s="115"/>
      <c r="AX108" s="115"/>
      <c r="AY108" s="116"/>
      <c r="AZ108" s="114" t="s">
        <v>16</v>
      </c>
      <c r="BA108" s="115"/>
      <c r="BB108" s="115"/>
      <c r="BC108" s="116"/>
      <c r="BE108" s="24"/>
      <c r="BF108" s="25"/>
    </row>
    <row r="109" spans="2:64" ht="24.75" customHeight="1" x14ac:dyDescent="0.15">
      <c r="B109" s="18"/>
      <c r="C109" s="100"/>
      <c r="D109" s="263"/>
      <c r="E109" s="101"/>
      <c r="F109" s="102"/>
      <c r="G109" s="100"/>
      <c r="H109" s="101"/>
      <c r="I109" s="101"/>
      <c r="J109" s="102"/>
      <c r="K109" s="100"/>
      <c r="L109" s="101"/>
      <c r="M109" s="101"/>
      <c r="N109" s="102"/>
      <c r="O109" s="100"/>
      <c r="P109" s="101"/>
      <c r="Q109" s="102"/>
      <c r="R109" s="100"/>
      <c r="S109" s="101"/>
      <c r="T109" s="102"/>
      <c r="U109" s="100"/>
      <c r="V109" s="101"/>
      <c r="W109" s="101"/>
      <c r="X109" s="101"/>
      <c r="Y109" s="101"/>
      <c r="Z109" s="102"/>
      <c r="AA109" s="100"/>
      <c r="AB109" s="101"/>
      <c r="AC109" s="101"/>
      <c r="AD109" s="101"/>
      <c r="AE109" s="101"/>
      <c r="AF109" s="101"/>
      <c r="AG109" s="102"/>
      <c r="AH109" s="100"/>
      <c r="AI109" s="101"/>
      <c r="AJ109" s="101"/>
      <c r="AK109" s="102"/>
      <c r="AL109" s="100"/>
      <c r="AM109" s="101"/>
      <c r="AN109" s="101"/>
      <c r="AO109" s="102"/>
      <c r="AP109" s="100"/>
      <c r="AQ109" s="101"/>
      <c r="AR109" s="102"/>
      <c r="AS109" s="100"/>
      <c r="AT109" s="101"/>
      <c r="AU109" s="102"/>
      <c r="AV109" s="117"/>
      <c r="AW109" s="118"/>
      <c r="AX109" s="118"/>
      <c r="AY109" s="119"/>
      <c r="AZ109" s="117"/>
      <c r="BA109" s="118"/>
      <c r="BB109" s="118"/>
      <c r="BC109" s="119"/>
      <c r="BE109" s="24"/>
      <c r="BF109" s="25"/>
    </row>
    <row r="110" spans="2:64" ht="24.75" customHeight="1" x14ac:dyDescent="0.15">
      <c r="B110" s="18"/>
      <c r="C110" s="100"/>
      <c r="D110" s="263"/>
      <c r="E110" s="101"/>
      <c r="F110" s="102"/>
      <c r="G110" s="100"/>
      <c r="H110" s="101"/>
      <c r="I110" s="101"/>
      <c r="J110" s="102"/>
      <c r="K110" s="100"/>
      <c r="L110" s="101"/>
      <c r="M110" s="101"/>
      <c r="N110" s="102"/>
      <c r="O110" s="100"/>
      <c r="P110" s="101"/>
      <c r="Q110" s="102"/>
      <c r="R110" s="100"/>
      <c r="S110" s="101"/>
      <c r="T110" s="102"/>
      <c r="U110" s="100"/>
      <c r="V110" s="101"/>
      <c r="W110" s="101"/>
      <c r="X110" s="101"/>
      <c r="Y110" s="101"/>
      <c r="Z110" s="102"/>
      <c r="AA110" s="100"/>
      <c r="AB110" s="101"/>
      <c r="AC110" s="101"/>
      <c r="AD110" s="101"/>
      <c r="AE110" s="101"/>
      <c r="AF110" s="101"/>
      <c r="AG110" s="102"/>
      <c r="AH110" s="100"/>
      <c r="AI110" s="101"/>
      <c r="AJ110" s="101"/>
      <c r="AK110" s="102"/>
      <c r="AL110" s="100"/>
      <c r="AM110" s="101"/>
      <c r="AN110" s="101"/>
      <c r="AO110" s="102"/>
      <c r="AP110" s="100"/>
      <c r="AQ110" s="101"/>
      <c r="AR110" s="102"/>
      <c r="AS110" s="100"/>
      <c r="AT110" s="101"/>
      <c r="AU110" s="102"/>
      <c r="AV110" s="117"/>
      <c r="AW110" s="118"/>
      <c r="AX110" s="118"/>
      <c r="AY110" s="119"/>
      <c r="AZ110" s="117"/>
      <c r="BA110" s="118"/>
      <c r="BB110" s="118"/>
      <c r="BC110" s="119"/>
      <c r="BE110" s="24"/>
      <c r="BF110" s="25"/>
    </row>
    <row r="111" spans="2:64" ht="17.25" customHeight="1" x14ac:dyDescent="0.15">
      <c r="B111" s="18"/>
      <c r="C111" s="100"/>
      <c r="D111" s="263"/>
      <c r="E111" s="101"/>
      <c r="F111" s="102"/>
      <c r="G111" s="100"/>
      <c r="H111" s="101"/>
      <c r="I111" s="101"/>
      <c r="J111" s="102"/>
      <c r="K111" s="100"/>
      <c r="L111" s="101"/>
      <c r="M111" s="101"/>
      <c r="N111" s="102"/>
      <c r="O111" s="100"/>
      <c r="P111" s="101"/>
      <c r="Q111" s="102"/>
      <c r="R111" s="100"/>
      <c r="S111" s="101"/>
      <c r="T111" s="102"/>
      <c r="U111" s="100"/>
      <c r="V111" s="101"/>
      <c r="W111" s="101"/>
      <c r="X111" s="101"/>
      <c r="Y111" s="101"/>
      <c r="Z111" s="102"/>
      <c r="AA111" s="100"/>
      <c r="AB111" s="101"/>
      <c r="AC111" s="101"/>
      <c r="AD111" s="101"/>
      <c r="AE111" s="101"/>
      <c r="AF111" s="101"/>
      <c r="AG111" s="102"/>
      <c r="AH111" s="100"/>
      <c r="AI111" s="101"/>
      <c r="AJ111" s="101"/>
      <c r="AK111" s="102"/>
      <c r="AL111" s="100"/>
      <c r="AM111" s="101"/>
      <c r="AN111" s="101"/>
      <c r="AO111" s="102"/>
      <c r="AP111" s="100"/>
      <c r="AQ111" s="101"/>
      <c r="AR111" s="102"/>
      <c r="AS111" s="100"/>
      <c r="AT111" s="101"/>
      <c r="AU111" s="102"/>
      <c r="AV111" s="100" t="s">
        <v>39</v>
      </c>
      <c r="AW111" s="101"/>
      <c r="AX111" s="101"/>
      <c r="AY111" s="102"/>
      <c r="AZ111" s="117"/>
      <c r="BA111" s="118"/>
      <c r="BB111" s="118"/>
      <c r="BC111" s="119"/>
      <c r="BE111" s="24"/>
      <c r="BF111" s="25"/>
    </row>
    <row r="112" spans="2:64" ht="24.75" customHeight="1" x14ac:dyDescent="0.15">
      <c r="B112" s="18"/>
      <c r="C112" s="103"/>
      <c r="D112" s="104"/>
      <c r="E112" s="104"/>
      <c r="F112" s="105"/>
      <c r="G112" s="103"/>
      <c r="H112" s="104"/>
      <c r="I112" s="104"/>
      <c r="J112" s="105"/>
      <c r="K112" s="103"/>
      <c r="L112" s="104"/>
      <c r="M112" s="104"/>
      <c r="N112" s="105"/>
      <c r="O112" s="103"/>
      <c r="P112" s="104"/>
      <c r="Q112" s="105"/>
      <c r="R112" s="103"/>
      <c r="S112" s="104"/>
      <c r="T112" s="105"/>
      <c r="U112" s="103"/>
      <c r="V112" s="104"/>
      <c r="W112" s="104"/>
      <c r="X112" s="104"/>
      <c r="Y112" s="104"/>
      <c r="Z112" s="105"/>
      <c r="AA112" s="103"/>
      <c r="AB112" s="104"/>
      <c r="AC112" s="104"/>
      <c r="AD112" s="104"/>
      <c r="AE112" s="104"/>
      <c r="AF112" s="104"/>
      <c r="AG112" s="105"/>
      <c r="AH112" s="103"/>
      <c r="AI112" s="104"/>
      <c r="AJ112" s="104"/>
      <c r="AK112" s="105"/>
      <c r="AL112" s="103"/>
      <c r="AM112" s="104"/>
      <c r="AN112" s="104"/>
      <c r="AO112" s="105"/>
      <c r="AP112" s="103" t="s">
        <v>40</v>
      </c>
      <c r="AQ112" s="104"/>
      <c r="AR112" s="105"/>
      <c r="AS112" s="103" t="s">
        <v>41</v>
      </c>
      <c r="AT112" s="104"/>
      <c r="AU112" s="105"/>
      <c r="AV112" s="103"/>
      <c r="AW112" s="104"/>
      <c r="AX112" s="104"/>
      <c r="AY112" s="105"/>
      <c r="AZ112" s="120"/>
      <c r="BA112" s="121"/>
      <c r="BB112" s="121"/>
      <c r="BC112" s="122"/>
      <c r="BE112" s="24"/>
      <c r="BF112" s="25"/>
    </row>
    <row r="113" spans="2:58" ht="21" customHeight="1" x14ac:dyDescent="0.15">
      <c r="B113" s="18"/>
      <c r="C113" s="79"/>
      <c r="D113" s="80"/>
      <c r="E113" s="80"/>
      <c r="F113" s="81"/>
      <c r="G113" s="79"/>
      <c r="H113" s="80"/>
      <c r="I113" s="80"/>
      <c r="J113" s="81"/>
      <c r="K113" s="79"/>
      <c r="L113" s="80"/>
      <c r="M113" s="80"/>
      <c r="N113" s="81"/>
      <c r="O113" s="88"/>
      <c r="P113" s="89"/>
      <c r="Q113" s="90"/>
      <c r="R113" s="88"/>
      <c r="S113" s="89"/>
      <c r="T113" s="90"/>
      <c r="U113" s="88"/>
      <c r="V113" s="89"/>
      <c r="W113" s="89"/>
      <c r="X113" s="89"/>
      <c r="Y113" s="89"/>
      <c r="Z113" s="90"/>
      <c r="AA113" s="73"/>
      <c r="AB113" s="74"/>
      <c r="AC113" s="74"/>
      <c r="AD113" s="74"/>
      <c r="AE113" s="74"/>
      <c r="AF113" s="74"/>
      <c r="AG113" s="75"/>
      <c r="AH113" s="73"/>
      <c r="AI113" s="74"/>
      <c r="AJ113" s="74"/>
      <c r="AK113" s="75"/>
      <c r="AL113" s="73"/>
      <c r="AM113" s="74"/>
      <c r="AN113" s="74"/>
      <c r="AO113" s="75"/>
      <c r="AP113" s="73"/>
      <c r="AQ113" s="74"/>
      <c r="AR113" s="75"/>
      <c r="AS113" s="73"/>
      <c r="AT113" s="74"/>
      <c r="AU113" s="75"/>
      <c r="AV113" s="73"/>
      <c r="AW113" s="74"/>
      <c r="AX113" s="74"/>
      <c r="AY113" s="75"/>
      <c r="AZ113" s="73"/>
      <c r="BA113" s="74"/>
      <c r="BB113" s="74"/>
      <c r="BC113" s="75"/>
      <c r="BE113" s="24"/>
      <c r="BF113" s="25"/>
    </row>
    <row r="114" spans="2:58" ht="21" customHeight="1" x14ac:dyDescent="0.15">
      <c r="B114" s="18"/>
      <c r="C114" s="85"/>
      <c r="D114" s="86"/>
      <c r="E114" s="86"/>
      <c r="F114" s="87"/>
      <c r="G114" s="85"/>
      <c r="H114" s="86"/>
      <c r="I114" s="86"/>
      <c r="J114" s="87"/>
      <c r="K114" s="85"/>
      <c r="L114" s="86"/>
      <c r="M114" s="86"/>
      <c r="N114" s="87"/>
      <c r="O114" s="91"/>
      <c r="P114" s="92"/>
      <c r="Q114" s="93"/>
      <c r="R114" s="91"/>
      <c r="S114" s="92"/>
      <c r="T114" s="93"/>
      <c r="U114" s="91"/>
      <c r="V114" s="92"/>
      <c r="W114" s="92"/>
      <c r="X114" s="92"/>
      <c r="Y114" s="92"/>
      <c r="Z114" s="93"/>
      <c r="AA114" s="76"/>
      <c r="AB114" s="77"/>
      <c r="AC114" s="77"/>
      <c r="AD114" s="77"/>
      <c r="AE114" s="77"/>
      <c r="AF114" s="77"/>
      <c r="AG114" s="78"/>
      <c r="AH114" s="76"/>
      <c r="AI114" s="77"/>
      <c r="AJ114" s="77"/>
      <c r="AK114" s="78"/>
      <c r="AL114" s="76"/>
      <c r="AM114" s="77"/>
      <c r="AN114" s="77"/>
      <c r="AO114" s="78"/>
      <c r="AP114" s="76"/>
      <c r="AQ114" s="77"/>
      <c r="AR114" s="78"/>
      <c r="AS114" s="76"/>
      <c r="AT114" s="77"/>
      <c r="AU114" s="78"/>
      <c r="AV114" s="76"/>
      <c r="AW114" s="77"/>
      <c r="AX114" s="77"/>
      <c r="AY114" s="78"/>
      <c r="AZ114" s="76"/>
      <c r="BA114" s="77"/>
      <c r="BB114" s="77"/>
      <c r="BC114" s="78"/>
      <c r="BE114" s="24"/>
      <c r="BF114" s="25"/>
    </row>
    <row r="115" spans="2:58" ht="21" customHeight="1" x14ac:dyDescent="0.15">
      <c r="B115" s="18"/>
      <c r="C115" s="79"/>
      <c r="D115" s="80"/>
      <c r="E115" s="80"/>
      <c r="F115" s="81"/>
      <c r="G115" s="79"/>
      <c r="H115" s="80"/>
      <c r="I115" s="80"/>
      <c r="J115" s="81"/>
      <c r="K115" s="79"/>
      <c r="L115" s="80"/>
      <c r="M115" s="80"/>
      <c r="N115" s="81"/>
      <c r="O115" s="88"/>
      <c r="P115" s="89"/>
      <c r="Q115" s="90"/>
      <c r="R115" s="88"/>
      <c r="S115" s="89"/>
      <c r="T115" s="90"/>
      <c r="U115" s="88"/>
      <c r="V115" s="89"/>
      <c r="W115" s="89"/>
      <c r="X115" s="89"/>
      <c r="Y115" s="89"/>
      <c r="Z115" s="90"/>
      <c r="AA115" s="73"/>
      <c r="AB115" s="74"/>
      <c r="AC115" s="74"/>
      <c r="AD115" s="74"/>
      <c r="AE115" s="74"/>
      <c r="AF115" s="74"/>
      <c r="AG115" s="75"/>
      <c r="AH115" s="73"/>
      <c r="AI115" s="74"/>
      <c r="AJ115" s="74"/>
      <c r="AK115" s="75"/>
      <c r="AL115" s="73"/>
      <c r="AM115" s="74"/>
      <c r="AN115" s="74"/>
      <c r="AO115" s="75"/>
      <c r="AP115" s="73"/>
      <c r="AQ115" s="74"/>
      <c r="AR115" s="75"/>
      <c r="AS115" s="73"/>
      <c r="AT115" s="74"/>
      <c r="AU115" s="75"/>
      <c r="AV115" s="73"/>
      <c r="AW115" s="74"/>
      <c r="AX115" s="74"/>
      <c r="AY115" s="75"/>
      <c r="AZ115" s="73"/>
      <c r="BA115" s="74"/>
      <c r="BB115" s="74"/>
      <c r="BC115" s="75"/>
      <c r="BE115" s="24"/>
      <c r="BF115" s="25"/>
    </row>
    <row r="116" spans="2:58" ht="21" customHeight="1" thickBot="1" x14ac:dyDescent="0.2">
      <c r="B116" s="18"/>
      <c r="C116" s="82"/>
      <c r="D116" s="83"/>
      <c r="E116" s="83"/>
      <c r="F116" s="84"/>
      <c r="G116" s="85"/>
      <c r="H116" s="86"/>
      <c r="I116" s="86"/>
      <c r="J116" s="87"/>
      <c r="K116" s="85"/>
      <c r="L116" s="86"/>
      <c r="M116" s="86"/>
      <c r="N116" s="87"/>
      <c r="O116" s="91"/>
      <c r="P116" s="92"/>
      <c r="Q116" s="93"/>
      <c r="R116" s="91"/>
      <c r="S116" s="92"/>
      <c r="T116" s="93"/>
      <c r="U116" s="94"/>
      <c r="V116" s="95"/>
      <c r="W116" s="95"/>
      <c r="X116" s="95"/>
      <c r="Y116" s="95"/>
      <c r="Z116" s="96"/>
      <c r="AA116" s="76"/>
      <c r="AB116" s="77"/>
      <c r="AC116" s="77"/>
      <c r="AD116" s="77"/>
      <c r="AE116" s="77"/>
      <c r="AF116" s="77"/>
      <c r="AG116" s="78"/>
      <c r="AH116" s="76"/>
      <c r="AI116" s="77"/>
      <c r="AJ116" s="77"/>
      <c r="AK116" s="78"/>
      <c r="AL116" s="76"/>
      <c r="AM116" s="77"/>
      <c r="AN116" s="77"/>
      <c r="AO116" s="78"/>
      <c r="AP116" s="76"/>
      <c r="AQ116" s="77"/>
      <c r="AR116" s="78"/>
      <c r="AS116" s="76"/>
      <c r="AT116" s="77"/>
      <c r="AU116" s="78"/>
      <c r="AV116" s="76"/>
      <c r="AW116" s="77"/>
      <c r="AX116" s="77"/>
      <c r="AY116" s="78"/>
      <c r="AZ116" s="76"/>
      <c r="BA116" s="77"/>
      <c r="BB116" s="77"/>
      <c r="BC116" s="78"/>
      <c r="BE116" s="24"/>
      <c r="BF116" s="25"/>
    </row>
    <row r="117" spans="2:58" ht="24.75" customHeight="1" thickTop="1" x14ac:dyDescent="0.15">
      <c r="B117" s="18"/>
      <c r="C117" s="32"/>
      <c r="D117" s="33"/>
      <c r="E117" s="33"/>
      <c r="F117" s="34"/>
      <c r="G117" s="32"/>
      <c r="H117" s="56"/>
      <c r="I117" s="56"/>
      <c r="J117" s="56"/>
      <c r="K117" s="55"/>
      <c r="L117" s="56"/>
      <c r="M117" s="56"/>
      <c r="N117" s="56"/>
      <c r="O117" s="55"/>
      <c r="P117" s="56"/>
      <c r="Q117" s="57"/>
      <c r="R117" s="55"/>
      <c r="S117" s="56"/>
      <c r="T117" s="57"/>
      <c r="U117" s="67"/>
      <c r="V117" s="68"/>
      <c r="W117" s="68"/>
      <c r="X117" s="68"/>
      <c r="Y117" s="68"/>
      <c r="Z117" s="69"/>
      <c r="AA117" s="55"/>
      <c r="AB117" s="56"/>
      <c r="AC117" s="56"/>
      <c r="AD117" s="56"/>
      <c r="AE117" s="56"/>
      <c r="AF117" s="56"/>
      <c r="AG117" s="57"/>
      <c r="AH117" s="55"/>
      <c r="AI117" s="56"/>
      <c r="AJ117" s="56"/>
      <c r="AK117" s="57"/>
      <c r="AL117" s="70"/>
      <c r="AM117" s="71"/>
      <c r="AN117" s="71"/>
      <c r="AO117" s="72"/>
      <c r="AP117" s="70"/>
      <c r="AQ117" s="71"/>
      <c r="AR117" s="72"/>
      <c r="AS117" s="70"/>
      <c r="AT117" s="71"/>
      <c r="AU117" s="72"/>
      <c r="AV117" s="70"/>
      <c r="AW117" s="71"/>
      <c r="AX117" s="71"/>
      <c r="AY117" s="72"/>
      <c r="AZ117" s="55"/>
      <c r="BA117" s="56"/>
      <c r="BB117" s="56"/>
      <c r="BC117" s="57"/>
      <c r="BE117" s="24"/>
      <c r="BF117" s="25"/>
    </row>
    <row r="118" spans="2:58" ht="10.5" customHeight="1" x14ac:dyDescent="0.15">
      <c r="B118" s="18"/>
      <c r="C118" s="47"/>
      <c r="D118" s="47"/>
      <c r="E118" s="47"/>
      <c r="F118" s="47"/>
      <c r="G118" s="47"/>
      <c r="H118" s="47"/>
      <c r="I118" s="47"/>
      <c r="J118" s="47"/>
      <c r="K118" s="47"/>
      <c r="L118" s="47"/>
      <c r="M118" s="47"/>
      <c r="N118" s="47"/>
      <c r="O118" s="47"/>
      <c r="P118" s="47"/>
      <c r="Q118" s="47"/>
      <c r="R118" s="47"/>
      <c r="S118" s="47"/>
      <c r="T118" s="47"/>
      <c r="U118" s="47"/>
      <c r="V118" s="47"/>
      <c r="W118" s="47"/>
      <c r="X118" s="47"/>
      <c r="Y118" s="47"/>
      <c r="Z118" s="47"/>
      <c r="AA118" s="47"/>
      <c r="AB118" s="48"/>
      <c r="AC118" s="48"/>
      <c r="AD118" s="48"/>
      <c r="AE118" s="48"/>
      <c r="AF118" s="48"/>
      <c r="AG118" s="48"/>
      <c r="AH118" s="48"/>
      <c r="AI118" s="48"/>
      <c r="AJ118" s="48"/>
      <c r="AK118" s="48"/>
      <c r="AL118" s="48"/>
      <c r="AM118" s="48"/>
      <c r="AN118" s="48"/>
      <c r="AO118" s="48"/>
      <c r="AP118" s="48"/>
      <c r="AQ118" s="48"/>
      <c r="AR118" s="48"/>
      <c r="AS118" s="48"/>
      <c r="AT118" s="48"/>
      <c r="AU118" s="48"/>
      <c r="AV118" s="49"/>
      <c r="AW118" s="49"/>
      <c r="AX118" s="49"/>
      <c r="AY118" s="49"/>
      <c r="AZ118" s="49"/>
      <c r="BA118" s="49"/>
      <c r="BB118" s="49"/>
      <c r="BC118" s="50"/>
      <c r="BD118" s="48"/>
      <c r="BE118" s="36"/>
      <c r="BF118" s="25"/>
    </row>
    <row r="119" spans="2:58" x14ac:dyDescent="0.15">
      <c r="B119" s="51"/>
      <c r="C119" s="51"/>
      <c r="D119" s="51"/>
      <c r="E119" s="51"/>
      <c r="F119" s="51"/>
      <c r="G119" s="51"/>
      <c r="H119" s="51"/>
      <c r="I119" s="51"/>
      <c r="J119" s="51"/>
      <c r="K119" s="51"/>
      <c r="L119" s="51"/>
      <c r="M119" s="51"/>
      <c r="N119" s="51"/>
      <c r="O119" s="51"/>
      <c r="P119" s="51"/>
      <c r="Q119" s="51"/>
      <c r="R119" s="51"/>
      <c r="S119" s="51"/>
      <c r="T119" s="51"/>
      <c r="U119" s="51"/>
      <c r="V119" s="51"/>
      <c r="W119" s="51"/>
      <c r="X119" s="51"/>
      <c r="Y119" s="51"/>
      <c r="Z119" s="51"/>
      <c r="AA119" s="51"/>
      <c r="AB119" s="51"/>
      <c r="AC119" s="51"/>
      <c r="AD119" s="51"/>
      <c r="AE119" s="51"/>
      <c r="AF119" s="51"/>
      <c r="AG119" s="51"/>
      <c r="AH119" s="51"/>
      <c r="AI119" s="51"/>
      <c r="AJ119" s="51"/>
      <c r="AK119" s="51"/>
      <c r="AL119" s="51"/>
      <c r="AM119" s="51"/>
      <c r="AN119" s="51"/>
      <c r="AO119" s="51"/>
      <c r="AP119" s="51"/>
      <c r="AQ119" s="51"/>
      <c r="AR119" s="51"/>
      <c r="AS119" s="51"/>
      <c r="AT119" s="51"/>
      <c r="AU119" s="51"/>
      <c r="AV119" s="51"/>
      <c r="AW119" s="51"/>
      <c r="AX119" s="51"/>
      <c r="AY119" s="51"/>
      <c r="AZ119" s="51"/>
      <c r="BA119" s="51"/>
      <c r="BB119" s="51"/>
      <c r="BC119" s="51"/>
      <c r="BD119" s="51"/>
      <c r="BE119" s="51"/>
    </row>
    <row r="199" spans="5:5" x14ac:dyDescent="0.15">
      <c r="E199" s="3"/>
    </row>
    <row r="200" spans="5:5" x14ac:dyDescent="0.15">
      <c r="E200" s="3"/>
    </row>
    <row r="214" spans="5:5" x14ac:dyDescent="0.15">
      <c r="E214" s="3"/>
    </row>
    <row r="215" spans="5:5" x14ac:dyDescent="0.15">
      <c r="E215" s="3"/>
    </row>
  </sheetData>
  <dataConsolidate/>
  <mergeCells count="418">
    <mergeCell ref="U117:Z117"/>
    <mergeCell ref="AL117:AO117"/>
    <mergeCell ref="AP117:AR117"/>
    <mergeCell ref="AS117:AU117"/>
    <mergeCell ref="AV117:AY117"/>
    <mergeCell ref="AV113:AY114"/>
    <mergeCell ref="AZ113:BC114"/>
    <mergeCell ref="C115:F116"/>
    <mergeCell ref="G115:J116"/>
    <mergeCell ref="K115:N116"/>
    <mergeCell ref="O115:Q116"/>
    <mergeCell ref="R115:T116"/>
    <mergeCell ref="U115:Z116"/>
    <mergeCell ref="AA115:AG116"/>
    <mergeCell ref="AH115:AK116"/>
    <mergeCell ref="U113:Z114"/>
    <mergeCell ref="AA113:AG114"/>
    <mergeCell ref="AH113:AK114"/>
    <mergeCell ref="AL113:AO114"/>
    <mergeCell ref="AP113:AR114"/>
    <mergeCell ref="AS113:AU114"/>
    <mergeCell ref="AL115:AO116"/>
    <mergeCell ref="AP115:AR116"/>
    <mergeCell ref="AS115:AU116"/>
    <mergeCell ref="AV115:AY116"/>
    <mergeCell ref="AZ115:BC116"/>
    <mergeCell ref="C113:F114"/>
    <mergeCell ref="G113:J114"/>
    <mergeCell ref="K113:N114"/>
    <mergeCell ref="O113:Q114"/>
    <mergeCell ref="R113:T114"/>
    <mergeCell ref="U108:Z112"/>
    <mergeCell ref="AA108:AG112"/>
    <mergeCell ref="AH108:AK112"/>
    <mergeCell ref="AL108:AO112"/>
    <mergeCell ref="AQ104:AS104"/>
    <mergeCell ref="AT104:AV104"/>
    <mergeCell ref="AW104:AZ104"/>
    <mergeCell ref="BA104:BC104"/>
    <mergeCell ref="BA107:BC107"/>
    <mergeCell ref="C108:F112"/>
    <mergeCell ref="G108:J112"/>
    <mergeCell ref="K108:N112"/>
    <mergeCell ref="O108:Q112"/>
    <mergeCell ref="R108:T112"/>
    <mergeCell ref="C104:H104"/>
    <mergeCell ref="I104:N104"/>
    <mergeCell ref="O104:R104"/>
    <mergeCell ref="S104:W104"/>
    <mergeCell ref="X104:AH104"/>
    <mergeCell ref="AM104:AP104"/>
    <mergeCell ref="AV108:AY110"/>
    <mergeCell ref="AZ108:BC112"/>
    <mergeCell ref="AV111:AY112"/>
    <mergeCell ref="AP112:AR112"/>
    <mergeCell ref="AS112:AU112"/>
    <mergeCell ref="AP108:AR111"/>
    <mergeCell ref="AS108:AU111"/>
    <mergeCell ref="AM102:AP103"/>
    <mergeCell ref="AQ102:AS103"/>
    <mergeCell ref="AT102:AV103"/>
    <mergeCell ref="AW102:AZ103"/>
    <mergeCell ref="BA102:BC103"/>
    <mergeCell ref="I103:N103"/>
    <mergeCell ref="C102:H103"/>
    <mergeCell ref="I102:N102"/>
    <mergeCell ref="O102:R103"/>
    <mergeCell ref="S102:W103"/>
    <mergeCell ref="X102:AH103"/>
    <mergeCell ref="AI102:AL103"/>
    <mergeCell ref="AM100:AP101"/>
    <mergeCell ref="AQ100:AS101"/>
    <mergeCell ref="AT100:AV101"/>
    <mergeCell ref="AW100:AZ101"/>
    <mergeCell ref="BA100:BC101"/>
    <mergeCell ref="I101:N101"/>
    <mergeCell ref="C100:H101"/>
    <mergeCell ref="I100:N100"/>
    <mergeCell ref="O100:R101"/>
    <mergeCell ref="S100:W101"/>
    <mergeCell ref="X100:AH101"/>
    <mergeCell ref="AI100:AL101"/>
    <mergeCell ref="AW95:AZ97"/>
    <mergeCell ref="BA95:BC98"/>
    <mergeCell ref="AW98:AZ99"/>
    <mergeCell ref="S99:W99"/>
    <mergeCell ref="AM99:AP99"/>
    <mergeCell ref="AQ99:AS99"/>
    <mergeCell ref="AT99:AV99"/>
    <mergeCell ref="BA94:BC94"/>
    <mergeCell ref="C95:H98"/>
    <mergeCell ref="I95:N98"/>
    <mergeCell ref="O95:R98"/>
    <mergeCell ref="S95:W98"/>
    <mergeCell ref="X95:AH99"/>
    <mergeCell ref="AI95:AL99"/>
    <mergeCell ref="AM95:AP98"/>
    <mergeCell ref="AQ95:AS98"/>
    <mergeCell ref="AT95:AV98"/>
    <mergeCell ref="AP89:AR90"/>
    <mergeCell ref="AS89:AU90"/>
    <mergeCell ref="AV89:AY90"/>
    <mergeCell ref="AZ89:BC90"/>
    <mergeCell ref="U91:Z91"/>
    <mergeCell ref="AA91:AG91"/>
    <mergeCell ref="AL91:AO91"/>
    <mergeCell ref="AP91:AR91"/>
    <mergeCell ref="AS91:AU91"/>
    <mergeCell ref="AV91:AY91"/>
    <mergeCell ref="AA87:AG88"/>
    <mergeCell ref="AH87:AK88"/>
    <mergeCell ref="AL87:AO88"/>
    <mergeCell ref="AP87:AR88"/>
    <mergeCell ref="AS87:AU88"/>
    <mergeCell ref="AV87:AY88"/>
    <mergeCell ref="C87:F88"/>
    <mergeCell ref="G87:J88"/>
    <mergeCell ref="K87:N88"/>
    <mergeCell ref="O87:Q88"/>
    <mergeCell ref="R87:T88"/>
    <mergeCell ref="U87:Z88"/>
    <mergeCell ref="C89:F90"/>
    <mergeCell ref="G89:J90"/>
    <mergeCell ref="K89:N90"/>
    <mergeCell ref="O89:Q90"/>
    <mergeCell ref="R89:T90"/>
    <mergeCell ref="U89:Z90"/>
    <mergeCell ref="AA89:AG90"/>
    <mergeCell ref="AH89:AK90"/>
    <mergeCell ref="AL89:AO90"/>
    <mergeCell ref="AP82:AR85"/>
    <mergeCell ref="AS82:AU85"/>
    <mergeCell ref="AV82:AY84"/>
    <mergeCell ref="AZ82:BC86"/>
    <mergeCell ref="AV85:AY86"/>
    <mergeCell ref="AP86:AR86"/>
    <mergeCell ref="AS86:AU86"/>
    <mergeCell ref="BA81:BC81"/>
    <mergeCell ref="AZ87:BC88"/>
    <mergeCell ref="C82:F86"/>
    <mergeCell ref="G82:J86"/>
    <mergeCell ref="K82:N86"/>
    <mergeCell ref="O82:Q86"/>
    <mergeCell ref="R82:T86"/>
    <mergeCell ref="U82:Z86"/>
    <mergeCell ref="AA82:AG86"/>
    <mergeCell ref="AH82:AK86"/>
    <mergeCell ref="AL78:AO78"/>
    <mergeCell ref="AL82:AO86"/>
    <mergeCell ref="AP78:AR78"/>
    <mergeCell ref="AS78:AU78"/>
    <mergeCell ref="AV78:AY78"/>
    <mergeCell ref="AP76:AR77"/>
    <mergeCell ref="AS76:AU77"/>
    <mergeCell ref="AV76:AY77"/>
    <mergeCell ref="AZ76:BC77"/>
    <mergeCell ref="U78:Z78"/>
    <mergeCell ref="AZ74:BC75"/>
    <mergeCell ref="AA74:AG75"/>
    <mergeCell ref="AH74:AK75"/>
    <mergeCell ref="AL74:AO75"/>
    <mergeCell ref="AP74:AR75"/>
    <mergeCell ref="AS74:AU75"/>
    <mergeCell ref="AV74:AY75"/>
    <mergeCell ref="C76:F77"/>
    <mergeCell ref="G76:J77"/>
    <mergeCell ref="K76:N77"/>
    <mergeCell ref="O76:Q77"/>
    <mergeCell ref="R76:T77"/>
    <mergeCell ref="U76:Z77"/>
    <mergeCell ref="AA76:AG77"/>
    <mergeCell ref="AH76:AK77"/>
    <mergeCell ref="AL76:AO77"/>
    <mergeCell ref="C74:F75"/>
    <mergeCell ref="G74:J75"/>
    <mergeCell ref="K74:N75"/>
    <mergeCell ref="O74:Q75"/>
    <mergeCell ref="R74:T75"/>
    <mergeCell ref="U74:Z75"/>
    <mergeCell ref="AP69:AR72"/>
    <mergeCell ref="AS69:AU72"/>
    <mergeCell ref="AV69:AY71"/>
    <mergeCell ref="C69:F73"/>
    <mergeCell ref="G69:J73"/>
    <mergeCell ref="K69:N73"/>
    <mergeCell ref="O69:Q73"/>
    <mergeCell ref="R69:T73"/>
    <mergeCell ref="U69:Z73"/>
    <mergeCell ref="AA69:AG73"/>
    <mergeCell ref="AH69:AK73"/>
    <mergeCell ref="AL69:AO73"/>
    <mergeCell ref="AV63:AY64"/>
    <mergeCell ref="AZ63:BC64"/>
    <mergeCell ref="U65:Z65"/>
    <mergeCell ref="AL65:AO65"/>
    <mergeCell ref="AP65:AR65"/>
    <mergeCell ref="AS65:AU65"/>
    <mergeCell ref="AV65:AY65"/>
    <mergeCell ref="AA65:AG65"/>
    <mergeCell ref="AZ69:BC73"/>
    <mergeCell ref="AV72:AY73"/>
    <mergeCell ref="AP73:AR73"/>
    <mergeCell ref="AS73:AU73"/>
    <mergeCell ref="BA68:BC68"/>
    <mergeCell ref="AZ61:BC62"/>
    <mergeCell ref="C63:F64"/>
    <mergeCell ref="G63:J64"/>
    <mergeCell ref="K63:N64"/>
    <mergeCell ref="O63:Q64"/>
    <mergeCell ref="R63:T64"/>
    <mergeCell ref="U63:Z64"/>
    <mergeCell ref="AA63:AG64"/>
    <mergeCell ref="AH63:AK64"/>
    <mergeCell ref="AL63:AO64"/>
    <mergeCell ref="AA61:AG62"/>
    <mergeCell ref="AH61:AK62"/>
    <mergeCell ref="AL61:AO62"/>
    <mergeCell ref="AP61:AR62"/>
    <mergeCell ref="AS61:AU62"/>
    <mergeCell ref="AV61:AY62"/>
    <mergeCell ref="C61:F62"/>
    <mergeCell ref="G61:J62"/>
    <mergeCell ref="K61:N62"/>
    <mergeCell ref="O61:Q62"/>
    <mergeCell ref="R61:T62"/>
    <mergeCell ref="U61:Z62"/>
    <mergeCell ref="AP63:AR64"/>
    <mergeCell ref="AS63:AU64"/>
    <mergeCell ref="C56:F60"/>
    <mergeCell ref="G56:J60"/>
    <mergeCell ref="K56:N60"/>
    <mergeCell ref="O56:Q60"/>
    <mergeCell ref="R56:T60"/>
    <mergeCell ref="U56:Z60"/>
    <mergeCell ref="AA56:AG60"/>
    <mergeCell ref="AH56:AK60"/>
    <mergeCell ref="AL56:AO60"/>
    <mergeCell ref="AV50:AY51"/>
    <mergeCell ref="AZ50:BC51"/>
    <mergeCell ref="U52:Z52"/>
    <mergeCell ref="AL52:AO52"/>
    <mergeCell ref="AP52:AR52"/>
    <mergeCell ref="AS52:AU52"/>
    <mergeCell ref="AV52:AY52"/>
    <mergeCell ref="AP56:AR59"/>
    <mergeCell ref="AS56:AU59"/>
    <mergeCell ref="AV56:AY58"/>
    <mergeCell ref="AZ56:BC60"/>
    <mergeCell ref="AV59:AY60"/>
    <mergeCell ref="AP60:AR60"/>
    <mergeCell ref="AS60:AU60"/>
    <mergeCell ref="BA55:BC55"/>
    <mergeCell ref="AZ48:BC49"/>
    <mergeCell ref="C50:F51"/>
    <mergeCell ref="G50:J51"/>
    <mergeCell ref="K50:N51"/>
    <mergeCell ref="O50:Q51"/>
    <mergeCell ref="R50:T51"/>
    <mergeCell ref="U50:Z51"/>
    <mergeCell ref="AA50:AG51"/>
    <mergeCell ref="AH50:AK51"/>
    <mergeCell ref="AL50:AO51"/>
    <mergeCell ref="AA48:AG49"/>
    <mergeCell ref="AH48:AK49"/>
    <mergeCell ref="AL48:AO49"/>
    <mergeCell ref="AP48:AR49"/>
    <mergeCell ref="AS48:AU49"/>
    <mergeCell ref="AV48:AY49"/>
    <mergeCell ref="C48:F49"/>
    <mergeCell ref="G48:J49"/>
    <mergeCell ref="K48:N49"/>
    <mergeCell ref="O48:Q49"/>
    <mergeCell ref="R48:T49"/>
    <mergeCell ref="U48:Z49"/>
    <mergeCell ref="AP50:AR51"/>
    <mergeCell ref="AS50:AU51"/>
    <mergeCell ref="C43:F47"/>
    <mergeCell ref="G43:J47"/>
    <mergeCell ref="K43:N47"/>
    <mergeCell ref="O43:Q47"/>
    <mergeCell ref="R43:T47"/>
    <mergeCell ref="U43:Z47"/>
    <mergeCell ref="AA43:AG47"/>
    <mergeCell ref="AH43:AK47"/>
    <mergeCell ref="AL43:AO47"/>
    <mergeCell ref="AV37:AY38"/>
    <mergeCell ref="AZ37:BC38"/>
    <mergeCell ref="U39:Z39"/>
    <mergeCell ref="AL39:AO39"/>
    <mergeCell ref="AP39:AR39"/>
    <mergeCell ref="AS39:AU39"/>
    <mergeCell ref="AV39:AY39"/>
    <mergeCell ref="AP43:AR46"/>
    <mergeCell ref="AS43:AU46"/>
    <mergeCell ref="AV43:AY45"/>
    <mergeCell ref="AZ43:BC47"/>
    <mergeCell ref="AV46:AY47"/>
    <mergeCell ref="AP47:AR47"/>
    <mergeCell ref="AS47:AU47"/>
    <mergeCell ref="BA42:BC42"/>
    <mergeCell ref="AZ35:BC36"/>
    <mergeCell ref="C37:F38"/>
    <mergeCell ref="G37:J38"/>
    <mergeCell ref="K37:N38"/>
    <mergeCell ref="O37:Q38"/>
    <mergeCell ref="R37:T38"/>
    <mergeCell ref="U37:Z38"/>
    <mergeCell ref="AA37:AG38"/>
    <mergeCell ref="AH37:AK38"/>
    <mergeCell ref="AL37:AO38"/>
    <mergeCell ref="AA35:AG36"/>
    <mergeCell ref="AH35:AK36"/>
    <mergeCell ref="AL35:AO36"/>
    <mergeCell ref="AP35:AR36"/>
    <mergeCell ref="AS35:AU36"/>
    <mergeCell ref="AV35:AY36"/>
    <mergeCell ref="C35:F36"/>
    <mergeCell ref="G35:J36"/>
    <mergeCell ref="K35:N36"/>
    <mergeCell ref="O35:Q36"/>
    <mergeCell ref="R35:T36"/>
    <mergeCell ref="U35:Z36"/>
    <mergeCell ref="AP37:AR38"/>
    <mergeCell ref="AS37:AU38"/>
    <mergeCell ref="BA26:BC26"/>
    <mergeCell ref="BA29:BC29"/>
    <mergeCell ref="C30:F34"/>
    <mergeCell ref="G30:J34"/>
    <mergeCell ref="K30:N34"/>
    <mergeCell ref="O30:Q34"/>
    <mergeCell ref="R30:T34"/>
    <mergeCell ref="U30:Z34"/>
    <mergeCell ref="AA30:AG34"/>
    <mergeCell ref="Y26:AA26"/>
    <mergeCell ref="AB26:AD26"/>
    <mergeCell ref="AH26:AJ26"/>
    <mergeCell ref="AK26:AN26"/>
    <mergeCell ref="AO26:AR26"/>
    <mergeCell ref="AS26:AV26"/>
    <mergeCell ref="AH30:AK34"/>
    <mergeCell ref="AL30:AO34"/>
    <mergeCell ref="AP30:AR33"/>
    <mergeCell ref="AS30:AU33"/>
    <mergeCell ref="AV30:AY32"/>
    <mergeCell ref="AZ30:BC34"/>
    <mergeCell ref="AV33:AY34"/>
    <mergeCell ref="AP34:AR34"/>
    <mergeCell ref="AS34:AU34"/>
    <mergeCell ref="C26:H26"/>
    <mergeCell ref="I26:N26"/>
    <mergeCell ref="O26:R26"/>
    <mergeCell ref="S26:U26"/>
    <mergeCell ref="V26:X26"/>
    <mergeCell ref="AH24:AJ25"/>
    <mergeCell ref="AK24:AN25"/>
    <mergeCell ref="AO24:AR25"/>
    <mergeCell ref="AW26:AZ26"/>
    <mergeCell ref="AS24:AV25"/>
    <mergeCell ref="AW24:AZ25"/>
    <mergeCell ref="BA24:BC25"/>
    <mergeCell ref="BA22:BC23"/>
    <mergeCell ref="I23:N23"/>
    <mergeCell ref="C24:H25"/>
    <mergeCell ref="I24:N24"/>
    <mergeCell ref="O24:R25"/>
    <mergeCell ref="S24:U25"/>
    <mergeCell ref="V24:X25"/>
    <mergeCell ref="Y24:AA25"/>
    <mergeCell ref="AB24:AD25"/>
    <mergeCell ref="AE24:AG25"/>
    <mergeCell ref="AE22:AG23"/>
    <mergeCell ref="AH22:AJ23"/>
    <mergeCell ref="AK22:AN23"/>
    <mergeCell ref="AO22:AR23"/>
    <mergeCell ref="AS22:AV23"/>
    <mergeCell ref="AW22:AZ23"/>
    <mergeCell ref="I25:N25"/>
    <mergeCell ref="AS17:AV20"/>
    <mergeCell ref="AO21:AR21"/>
    <mergeCell ref="AS21:AV21"/>
    <mergeCell ref="AW21:AZ21"/>
    <mergeCell ref="C22:H23"/>
    <mergeCell ref="I22:N22"/>
    <mergeCell ref="O22:R23"/>
    <mergeCell ref="S22:U23"/>
    <mergeCell ref="V22:X23"/>
    <mergeCell ref="Y22:AA23"/>
    <mergeCell ref="AB22:AD23"/>
    <mergeCell ref="V21:X21"/>
    <mergeCell ref="Y21:AA21"/>
    <mergeCell ref="AB21:AD21"/>
    <mergeCell ref="AE21:AG21"/>
    <mergeCell ref="AH21:AJ21"/>
    <mergeCell ref="AK21:AN21"/>
    <mergeCell ref="N7:S7"/>
    <mergeCell ref="T7:Y7"/>
    <mergeCell ref="B3:BE3"/>
    <mergeCell ref="B5:F5"/>
    <mergeCell ref="G5:Y5"/>
    <mergeCell ref="B7:F7"/>
    <mergeCell ref="G7:M7"/>
    <mergeCell ref="AA39:AG39"/>
    <mergeCell ref="AA52:AG52"/>
    <mergeCell ref="AW17:AZ20"/>
    <mergeCell ref="BA17:BC20"/>
    <mergeCell ref="Y18:AA20"/>
    <mergeCell ref="AB18:AD20"/>
    <mergeCell ref="AE18:AG20"/>
    <mergeCell ref="AH18:AJ20"/>
    <mergeCell ref="BA16:BC16"/>
    <mergeCell ref="C17:H20"/>
    <mergeCell ref="I17:N20"/>
    <mergeCell ref="O17:R20"/>
    <mergeCell ref="S17:U20"/>
    <mergeCell ref="V17:X20"/>
    <mergeCell ref="Y17:AJ17"/>
    <mergeCell ref="AK17:AN20"/>
    <mergeCell ref="AO17:AR20"/>
  </mergeCells>
  <phoneticPr fontId="2"/>
  <dataValidations count="11">
    <dataValidation allowBlank="1" showInputMessage="1" showErrorMessage="1" promptTitle="千円単位" prompt="千円単位で記載してください" sqref="AM100:AS103 AL74:AR77 AP87:AR90 AL87 AL89 AL113:AR116 AL48 AL37 AP35:AR38 AL35 AL50 AP48:AR51 AL63 AP61:AR64 AL61" xr:uid="{13FF0BAD-BE0A-4831-ADA4-B82634CCF03B}"/>
    <dataValidation allowBlank="1" showInputMessage="1" showErrorMessage="1" promptTitle="総事業費の1/2" prompt="総事業費の1/2を千円単位で入力してください" sqref="AT100:AV103 AS87:AU90 AS61:AU64" xr:uid="{50DCE82D-9049-4AC3-A169-D048AD3D1AEB}"/>
    <dataValidation type="list" showInputMessage="1" showErrorMessage="1" errorTitle="ドロップダウンより選択してください" promptTitle="ドロップダウンより選択してください" prompt="ドロップダウンより「有」又は「無」を選択してください" sqref="AI100:AL103 AH35:AK38 AH74:AK77 AH87:AK90 AH113:AK116 AH48:AK51 AH61:AK64" xr:uid="{0F07A683-2E11-4E4E-AE73-5F5923EBE2A1}">
      <formula1>"有,無"</formula1>
    </dataValidation>
    <dataValidation type="list" showInputMessage="1" showErrorMessage="1" errorTitle="ドロップダウンリストより選択してください" promptTitle="ドロップダウンリストより選択してください" prompt="ドロップダウンより「有」又は「無」を選択してください" sqref="AK22:AN25" xr:uid="{AD61A5DE-AF9D-4522-87B4-22B7575F7DEE}">
      <formula1>"有,無"</formula1>
    </dataValidation>
    <dataValidation allowBlank="1" showInputMessage="1" prompt="面積の小数点以下は四捨五入してください" sqref="V22:X25" xr:uid="{7C3BFE42-F920-447E-972E-E5174613E19E}"/>
    <dataValidation allowBlank="1" showInputMessage="1" prompt="小数点以下は切り捨ててください" sqref="AW22:AZ25" xr:uid="{DE7EC990-D3E8-4EF4-BF71-9FF72757D4FB}"/>
    <dataValidation allowBlank="1" showInputMessage="1" prompt="実施要綱別表に記載する単価の範囲内で必要な金額を入力してください" sqref="AB22:AD25 AE24 AE22 AH22:AJ25" xr:uid="{9C860148-1804-4E17-AC40-23DDDE728EBB}"/>
    <dataValidation allowBlank="1" showInputMessage="1" showErrorMessage="1" promptTitle="年月日を記載してください" prompt="書式設定を変更せずに、年月日を記載してください" sqref="R76 O76 U76 R74 O74 U74 R37 O37 R35 O35:Q36 U37 U35 O100:R103 R89 O89 R87 O87:Q88 U89 U87 R115 O115 U115 R113 O113 U113 R50 O50 R48 O48:Q49 U50 U48 R63 O63 R61 O61:Q62 U63 U61" xr:uid="{55E1C5E6-01E2-4D7F-A21E-2857EA1B9DBB}"/>
    <dataValidation allowBlank="1" showInputMessage="1" showErrorMessage="1" promptTitle="千円単位で記載してください" prompt="小数点以下は切り捨て" sqref="AV87:AY90 AV74:AY77 AW100:AZ103 AV35:AY38 AV113:AY116 AV48:AY51 AV61:AY64" xr:uid="{3C314083-404F-46ED-9204-B4ECF8D2691F}"/>
    <dataValidation type="list" allowBlank="1" showInputMessage="1" showErrorMessage="1" errorTitle="ドロップダウンリストより選択してください" promptTitle="ドロップダウンリストより選択してください" prompt="ドロップダウンリストより施設の種類に応じて補助単価7，370（千円）又は14，700（千円）を選択してください" sqref="AS76:AU77" xr:uid="{92BB2E5C-7194-498F-BBD6-82826D636E62}">
      <formula1>"7，580,15，120,7，730,15，400"</formula1>
    </dataValidation>
    <dataValidation type="list" allowBlank="1" showInputMessage="1" showErrorMessage="1" errorTitle="ドロップダウンリストより選択してください" promptTitle="ドロップダウンリストより選択してください" prompt="ドロップダウンリストより施設の種類に応じて補助単価7，580（千円）、7，730（千円）、15，120（千円）、15，400（千円）を選択してください" sqref="AS74:AU75" xr:uid="{3C6A1B06-20C4-4557-BA86-1CECF3AE546E}">
      <formula1>"7，580,15，120,7，730,15，400"</formula1>
    </dataValidation>
  </dataValidations>
  <printOptions horizontalCentered="1"/>
  <pageMargins left="0.23622047244094491" right="0.23622047244094491" top="0.19685039370078741" bottom="0.19685039370078741" header="0.31496062992125984" footer="0.31496062992125984"/>
  <pageSetup paperSize="9" scale="68" fitToHeight="0" orientation="portrait" r:id="rId1"/>
  <headerFooter alignWithMargins="0"/>
  <rowBreaks count="1" manualBreakCount="1">
    <brk id="65" max="57" man="1"/>
  </rowBreaks>
  <extLst>
    <ext xmlns:x14="http://schemas.microsoft.com/office/spreadsheetml/2009/9/main" uri="{CCE6A557-97BC-4b89-ADB6-D9C93CAAB3DF}">
      <x14:dataValidations xmlns:xm="http://schemas.microsoft.com/office/excel/2006/main" count="10">
        <x14:dataValidation type="list" allowBlank="1" showInputMessage="1" showErrorMessage="1" prompt="交付基準単価を選択してください" xr:uid="{4869EE2E-77CD-48E8-8214-BE95725F3EB6}">
          <x14:formula1>
            <xm:f>'（参考）対象施設【都道府県計画】'!$F$21</xm:f>
          </x14:formula1>
          <xm:sqref>AS48:AU51</xm:sqref>
        </x14:dataValidation>
        <x14:dataValidation type="list" allowBlank="1" showInputMessage="1" showErrorMessage="1" promptTitle="ドロップダウンリストより選択してください。" prompt="ドロップダウンリストより選択してください。リストにない場合は、直接入力してください" xr:uid="{08E000C9-B5F9-4166-907D-00B9F7CEF09A}">
          <x14:formula1>
            <xm:f>'（参考）対象施設【都道府県計画】'!$B$57:$B$68</xm:f>
          </x14:formula1>
          <xm:sqref>C100:H103</xm:sqref>
        </x14:dataValidation>
        <x14:dataValidation type="list" allowBlank="1" showInputMessage="1" showErrorMessage="1" promptTitle="ドロップダウンリストより選択してください。" prompt="ドロップダウンリストより選択してください。リストにない場合は、直接入力してください" xr:uid="{AB2D7FD2-B758-4193-9508-B3A95F157A86}">
          <x14:formula1>
            <xm:f>'（参考）対象施設【都道府県計画】'!$B$73:$B$79</xm:f>
          </x14:formula1>
          <xm:sqref>C113:F116</xm:sqref>
        </x14:dataValidation>
        <x14:dataValidation type="list" allowBlank="1" showInputMessage="1" promptTitle="ドロップダウンリストより選択してください" prompt="ドロップダウンリストにない場合は、直接入力してください" xr:uid="{D40B76E6-DA48-4A45-B0E2-221028357C91}">
          <x14:formula1>
            <xm:f>'（参考）対象施設【都道府県計画】'!$B$5:$B$7</xm:f>
          </x14:formula1>
          <xm:sqref>C22:H25</xm:sqref>
        </x14:dataValidation>
        <x14:dataValidation type="list" allowBlank="1" showInputMessage="1" showErrorMessage="1" promptTitle="ドロップダウンリストより選択してください。" prompt="ドロップダウンリストより選択してください。リストにない場合は、直接入力してください" xr:uid="{E5F1737A-A2EE-479F-BA31-73FC9440DDA6}">
          <x14:formula1>
            <xm:f>'（参考）対象施設【都道府県計画】'!$B$39:$B$43</xm:f>
          </x14:formula1>
          <xm:sqref>C74:F77</xm:sqref>
        </x14:dataValidation>
        <x14:dataValidation type="list" allowBlank="1" showInputMessage="1" showErrorMessage="1" xr:uid="{702F43BE-937C-4B87-8CFC-D1D00FB9A3C8}">
          <x14:formula1>
            <xm:f>'（参考）対象施設【都道府県計画】'!$B$12:$B$16</xm:f>
          </x14:formula1>
          <xm:sqref>C35:F38</xm:sqref>
        </x14:dataValidation>
        <x14:dataValidation type="list" allowBlank="1" showInputMessage="1" showErrorMessage="1" xr:uid="{9F8319AE-A2C5-4373-B65E-CE4694CA4552}">
          <x14:formula1>
            <xm:f>'（参考）対象施設【都道府県計画】'!$B$21:$B$25</xm:f>
          </x14:formula1>
          <xm:sqref>C48:F51</xm:sqref>
        </x14:dataValidation>
        <x14:dataValidation type="list" allowBlank="1" showInputMessage="1" showErrorMessage="1" xr:uid="{6F39C6B2-BE70-44AA-9174-F47BE55C2FDE}">
          <x14:formula1>
            <xm:f>'（参考）対象施設【都道府県計画】'!$B$30:$B$34</xm:f>
          </x14:formula1>
          <xm:sqref>C61:F64</xm:sqref>
        </x14:dataValidation>
        <x14:dataValidation type="list" allowBlank="1" showInputMessage="1" showErrorMessage="1" xr:uid="{C8380C6F-3018-44EB-85BF-BFE40EB42139}">
          <x14:formula1>
            <xm:f>'（参考）対象施設【都道府県計画】'!$B$48:$B$52</xm:f>
          </x14:formula1>
          <xm:sqref>C87:F90</xm:sqref>
        </x14:dataValidation>
        <x14:dataValidation type="list" allowBlank="1" showInputMessage="1" showErrorMessage="1" prompt="交付基準単価を選択してください" xr:uid="{B83A1364-C5D9-4290-9779-0D281216D9FA}">
          <x14:formula1>
            <xm:f>'（参考）対象施設【都道府県計画】'!$F$12</xm:f>
          </x14:formula1>
          <xm:sqref>AS35:AU38</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E077A05-C662-4E69-A008-BDD8182F017F}">
  <sheetPr>
    <tabColor theme="8" tint="0.79998168889431442"/>
  </sheetPr>
  <dimension ref="A1:M92"/>
  <sheetViews>
    <sheetView workbookViewId="0">
      <selection activeCell="F21" activeCellId="1" sqref="F17 F21"/>
    </sheetView>
  </sheetViews>
  <sheetFormatPr defaultRowHeight="13.5" x14ac:dyDescent="0.15"/>
  <cols>
    <col min="1" max="1" width="2.375" customWidth="1"/>
    <col min="11" max="11" width="9.25" bestFit="1" customWidth="1"/>
  </cols>
  <sheetData>
    <row r="1" spans="1:13" x14ac:dyDescent="0.15">
      <c r="A1" t="s">
        <v>68</v>
      </c>
    </row>
    <row r="2" spans="1:13" x14ac:dyDescent="0.15">
      <c r="K2" s="52"/>
    </row>
    <row r="3" spans="1:13" x14ac:dyDescent="0.15">
      <c r="A3" t="s">
        <v>115</v>
      </c>
      <c r="K3" s="52"/>
      <c r="M3" s="52"/>
    </row>
    <row r="4" spans="1:13" x14ac:dyDescent="0.15">
      <c r="K4" s="53"/>
    </row>
    <row r="5" spans="1:13" x14ac:dyDescent="0.15">
      <c r="B5" t="s">
        <v>71</v>
      </c>
      <c r="M5" s="52"/>
    </row>
    <row r="6" spans="1:13" x14ac:dyDescent="0.15">
      <c r="B6" t="s">
        <v>46</v>
      </c>
      <c r="M6" s="52"/>
    </row>
    <row r="7" spans="1:13" x14ac:dyDescent="0.15">
      <c r="B7" t="s">
        <v>73</v>
      </c>
    </row>
    <row r="8" spans="1:13" x14ac:dyDescent="0.15">
      <c r="B8" t="s">
        <v>53</v>
      </c>
    </row>
    <row r="9" spans="1:13" x14ac:dyDescent="0.15">
      <c r="B9" t="s">
        <v>69</v>
      </c>
    </row>
    <row r="10" spans="1:13" x14ac:dyDescent="0.15">
      <c r="B10" t="s">
        <v>75</v>
      </c>
    </row>
    <row r="11" spans="1:13" x14ac:dyDescent="0.15">
      <c r="B11" t="s">
        <v>76</v>
      </c>
    </row>
    <row r="12" spans="1:13" x14ac:dyDescent="0.15">
      <c r="B12" t="s">
        <v>57</v>
      </c>
    </row>
    <row r="15" spans="1:13" x14ac:dyDescent="0.15">
      <c r="A15" t="s">
        <v>77</v>
      </c>
    </row>
    <row r="17" spans="2:6" x14ac:dyDescent="0.15">
      <c r="B17" t="s">
        <v>80</v>
      </c>
      <c r="F17" s="65">
        <v>15400</v>
      </c>
    </row>
    <row r="18" spans="2:6" x14ac:dyDescent="0.15">
      <c r="B18" t="s">
        <v>82</v>
      </c>
    </row>
    <row r="19" spans="2:6" x14ac:dyDescent="0.15">
      <c r="B19" t="s">
        <v>84</v>
      </c>
    </row>
    <row r="20" spans="2:6" x14ac:dyDescent="0.15">
      <c r="B20" t="s">
        <v>71</v>
      </c>
    </row>
    <row r="21" spans="2:6" x14ac:dyDescent="0.15">
      <c r="B21" t="s">
        <v>86</v>
      </c>
      <c r="F21" s="65">
        <v>7730</v>
      </c>
    </row>
    <row r="22" spans="2:6" x14ac:dyDescent="0.15">
      <c r="B22" t="s">
        <v>46</v>
      </c>
    </row>
    <row r="23" spans="2:6" x14ac:dyDescent="0.15">
      <c r="B23" t="s">
        <v>50</v>
      </c>
    </row>
    <row r="24" spans="2:6" x14ac:dyDescent="0.15">
      <c r="B24" t="s">
        <v>52</v>
      </c>
    </row>
    <row r="25" spans="2:6" x14ac:dyDescent="0.15">
      <c r="B25" t="s">
        <v>53</v>
      </c>
    </row>
    <row r="26" spans="2:6" x14ac:dyDescent="0.15">
      <c r="B26" t="s">
        <v>69</v>
      </c>
    </row>
    <row r="27" spans="2:6" x14ac:dyDescent="0.15">
      <c r="B27" t="s">
        <v>54</v>
      </c>
    </row>
    <row r="28" spans="2:6" x14ac:dyDescent="0.15">
      <c r="B28" t="s">
        <v>55</v>
      </c>
    </row>
    <row r="29" spans="2:6" x14ac:dyDescent="0.15">
      <c r="B29" t="s">
        <v>56</v>
      </c>
    </row>
    <row r="30" spans="2:6" x14ac:dyDescent="0.15">
      <c r="B30" t="s">
        <v>57</v>
      </c>
    </row>
    <row r="31" spans="2:6" x14ac:dyDescent="0.15">
      <c r="B31" t="s">
        <v>78</v>
      </c>
    </row>
    <row r="32" spans="2:6" x14ac:dyDescent="0.15">
      <c r="B32" t="s">
        <v>79</v>
      </c>
    </row>
    <row r="35" spans="1:2" x14ac:dyDescent="0.15">
      <c r="A35" t="s">
        <v>87</v>
      </c>
    </row>
    <row r="37" spans="1:2" x14ac:dyDescent="0.15">
      <c r="B37" t="s">
        <v>80</v>
      </c>
    </row>
    <row r="38" spans="1:2" x14ac:dyDescent="0.15">
      <c r="B38" t="s">
        <v>82</v>
      </c>
    </row>
    <row r="39" spans="1:2" x14ac:dyDescent="0.15">
      <c r="B39" t="s">
        <v>84</v>
      </c>
    </row>
    <row r="40" spans="1:2" x14ac:dyDescent="0.15">
      <c r="B40" t="s">
        <v>71</v>
      </c>
    </row>
    <row r="41" spans="1:2" x14ac:dyDescent="0.15">
      <c r="B41" t="s">
        <v>86</v>
      </c>
    </row>
    <row r="42" spans="1:2" x14ac:dyDescent="0.15">
      <c r="B42" t="s">
        <v>46</v>
      </c>
    </row>
    <row r="43" spans="1:2" x14ac:dyDescent="0.15">
      <c r="B43" t="s">
        <v>50</v>
      </c>
    </row>
    <row r="44" spans="1:2" x14ac:dyDescent="0.15">
      <c r="B44" t="s">
        <v>52</v>
      </c>
    </row>
    <row r="45" spans="1:2" x14ac:dyDescent="0.15">
      <c r="B45" t="s">
        <v>53</v>
      </c>
    </row>
    <row r="46" spans="1:2" x14ac:dyDescent="0.15">
      <c r="B46" t="s">
        <v>69</v>
      </c>
    </row>
    <row r="47" spans="1:2" x14ac:dyDescent="0.15">
      <c r="B47" t="s">
        <v>54</v>
      </c>
    </row>
    <row r="48" spans="1:2" x14ac:dyDescent="0.15">
      <c r="B48" t="s">
        <v>55</v>
      </c>
    </row>
    <row r="49" spans="1:2" x14ac:dyDescent="0.15">
      <c r="B49" t="s">
        <v>56</v>
      </c>
    </row>
    <row r="50" spans="1:2" x14ac:dyDescent="0.15">
      <c r="B50" t="s">
        <v>57</v>
      </c>
    </row>
    <row r="51" spans="1:2" x14ac:dyDescent="0.15">
      <c r="B51" t="s">
        <v>78</v>
      </c>
    </row>
    <row r="52" spans="1:2" x14ac:dyDescent="0.15">
      <c r="B52" t="s">
        <v>79</v>
      </c>
    </row>
    <row r="55" spans="1:2" x14ac:dyDescent="0.15">
      <c r="A55" t="s">
        <v>88</v>
      </c>
    </row>
    <row r="57" spans="1:2" x14ac:dyDescent="0.15">
      <c r="B57" t="s">
        <v>113</v>
      </c>
    </row>
    <row r="58" spans="1:2" x14ac:dyDescent="0.15">
      <c r="B58" t="s">
        <v>82</v>
      </c>
    </row>
    <row r="59" spans="1:2" x14ac:dyDescent="0.15">
      <c r="B59" t="s">
        <v>84</v>
      </c>
    </row>
    <row r="60" spans="1:2" x14ac:dyDescent="0.15">
      <c r="B60" t="s">
        <v>71</v>
      </c>
    </row>
    <row r="61" spans="1:2" x14ac:dyDescent="0.15">
      <c r="B61" t="s">
        <v>86</v>
      </c>
    </row>
    <row r="62" spans="1:2" x14ac:dyDescent="0.15">
      <c r="B62" t="s">
        <v>46</v>
      </c>
    </row>
    <row r="63" spans="1:2" x14ac:dyDescent="0.15">
      <c r="B63" t="s">
        <v>73</v>
      </c>
    </row>
    <row r="64" spans="1:2" x14ac:dyDescent="0.15">
      <c r="B64" t="s">
        <v>117</v>
      </c>
    </row>
    <row r="65" spans="1:2" x14ac:dyDescent="0.15">
      <c r="B65" t="s">
        <v>74</v>
      </c>
    </row>
    <row r="66" spans="1:2" x14ac:dyDescent="0.15">
      <c r="B66" t="s">
        <v>50</v>
      </c>
    </row>
    <row r="67" spans="1:2" x14ac:dyDescent="0.15">
      <c r="B67" t="s">
        <v>52</v>
      </c>
    </row>
    <row r="68" spans="1:2" x14ac:dyDescent="0.15">
      <c r="B68" t="s">
        <v>53</v>
      </c>
    </row>
    <row r="69" spans="1:2" x14ac:dyDescent="0.15">
      <c r="B69" t="s">
        <v>69</v>
      </c>
    </row>
    <row r="70" spans="1:2" x14ac:dyDescent="0.15">
      <c r="B70" t="s">
        <v>54</v>
      </c>
    </row>
    <row r="71" spans="1:2" x14ac:dyDescent="0.15">
      <c r="B71" t="s">
        <v>89</v>
      </c>
    </row>
    <row r="72" spans="1:2" x14ac:dyDescent="0.15">
      <c r="B72" t="s">
        <v>55</v>
      </c>
    </row>
    <row r="73" spans="1:2" x14ac:dyDescent="0.15">
      <c r="B73" t="s">
        <v>56</v>
      </c>
    </row>
    <row r="74" spans="1:2" x14ac:dyDescent="0.15">
      <c r="B74" t="s">
        <v>57</v>
      </c>
    </row>
    <row r="75" spans="1:2" x14ac:dyDescent="0.15">
      <c r="B75" t="s">
        <v>78</v>
      </c>
    </row>
    <row r="76" spans="1:2" x14ac:dyDescent="0.15">
      <c r="B76" t="s">
        <v>79</v>
      </c>
    </row>
    <row r="79" spans="1:2" x14ac:dyDescent="0.15">
      <c r="A79" t="s">
        <v>90</v>
      </c>
    </row>
    <row r="81" spans="2:2" x14ac:dyDescent="0.15">
      <c r="B81" t="s">
        <v>112</v>
      </c>
    </row>
    <row r="82" spans="2:2" x14ac:dyDescent="0.15">
      <c r="B82" t="s">
        <v>81</v>
      </c>
    </row>
    <row r="83" spans="2:2" x14ac:dyDescent="0.15">
      <c r="B83" t="s">
        <v>83</v>
      </c>
    </row>
    <row r="84" spans="2:2" x14ac:dyDescent="0.15">
      <c r="B84" t="s">
        <v>70</v>
      </c>
    </row>
    <row r="85" spans="2:2" x14ac:dyDescent="0.15">
      <c r="B85" t="s">
        <v>85</v>
      </c>
    </row>
    <row r="86" spans="2:2" x14ac:dyDescent="0.15">
      <c r="B86" t="s">
        <v>46</v>
      </c>
    </row>
    <row r="87" spans="2:2" x14ac:dyDescent="0.15">
      <c r="B87" t="s">
        <v>72</v>
      </c>
    </row>
    <row r="88" spans="2:2" x14ac:dyDescent="0.15">
      <c r="B88" t="s">
        <v>117</v>
      </c>
    </row>
    <row r="89" spans="2:2" x14ac:dyDescent="0.15">
      <c r="B89" t="s">
        <v>52</v>
      </c>
    </row>
    <row r="90" spans="2:2" x14ac:dyDescent="0.15">
      <c r="B90" t="s">
        <v>53</v>
      </c>
    </row>
    <row r="91" spans="2:2" x14ac:dyDescent="0.15">
      <c r="B91" t="s">
        <v>69</v>
      </c>
    </row>
    <row r="92" spans="2:2" x14ac:dyDescent="0.15">
      <c r="B92" t="s">
        <v>57</v>
      </c>
    </row>
  </sheetData>
  <phoneticPr fontId="2"/>
  <pageMargins left="0.7" right="0.7" top="0.75" bottom="0.75" header="0.3" footer="0.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AC47A10-9ACB-4AA7-8389-065F3B16F163}">
  <sheetPr>
    <tabColor theme="7" tint="0.79998168889431442"/>
  </sheetPr>
  <dimension ref="A1:F79"/>
  <sheetViews>
    <sheetView workbookViewId="0">
      <selection activeCell="H22" sqref="H22"/>
    </sheetView>
  </sheetViews>
  <sheetFormatPr defaultRowHeight="13.5" x14ac:dyDescent="0.15"/>
  <cols>
    <col min="1" max="1" width="2.375" customWidth="1"/>
  </cols>
  <sheetData>
    <row r="1" spans="1:6" x14ac:dyDescent="0.15">
      <c r="A1" t="s">
        <v>91</v>
      </c>
    </row>
    <row r="3" spans="1:6" x14ac:dyDescent="0.15">
      <c r="A3" t="s">
        <v>115</v>
      </c>
    </row>
    <row r="5" spans="1:6" x14ac:dyDescent="0.15">
      <c r="B5" t="s">
        <v>93</v>
      </c>
    </row>
    <row r="6" spans="1:6" x14ac:dyDescent="0.15">
      <c r="B6" t="s">
        <v>94</v>
      </c>
    </row>
    <row r="7" spans="1:6" x14ac:dyDescent="0.15">
      <c r="B7" t="s">
        <v>45</v>
      </c>
    </row>
    <row r="10" spans="1:6" x14ac:dyDescent="0.15">
      <c r="A10" t="s">
        <v>96</v>
      </c>
    </row>
    <row r="12" spans="1:6" x14ac:dyDescent="0.15">
      <c r="B12" t="s">
        <v>98</v>
      </c>
      <c r="F12" s="66">
        <v>61600</v>
      </c>
    </row>
    <row r="13" spans="1:6" x14ac:dyDescent="0.15">
      <c r="B13" t="s">
        <v>100</v>
      </c>
    </row>
    <row r="14" spans="1:6" x14ac:dyDescent="0.15">
      <c r="B14" t="s">
        <v>102</v>
      </c>
    </row>
    <row r="15" spans="1:6" x14ac:dyDescent="0.15">
      <c r="B15" t="s">
        <v>93</v>
      </c>
    </row>
    <row r="16" spans="1:6" x14ac:dyDescent="0.15">
      <c r="B16" t="s">
        <v>104</v>
      </c>
    </row>
    <row r="19" spans="1:6" x14ac:dyDescent="0.15">
      <c r="A19" t="s">
        <v>105</v>
      </c>
    </row>
    <row r="21" spans="1:6" x14ac:dyDescent="0.15">
      <c r="B21" t="s">
        <v>98</v>
      </c>
      <c r="F21" s="66">
        <v>29260</v>
      </c>
    </row>
    <row r="22" spans="1:6" x14ac:dyDescent="0.15">
      <c r="B22" t="s">
        <v>100</v>
      </c>
    </row>
    <row r="23" spans="1:6" x14ac:dyDescent="0.15">
      <c r="B23" t="s">
        <v>102</v>
      </c>
    </row>
    <row r="24" spans="1:6" x14ac:dyDescent="0.15">
      <c r="B24" t="s">
        <v>93</v>
      </c>
    </row>
    <row r="25" spans="1:6" x14ac:dyDescent="0.15">
      <c r="B25" t="s">
        <v>104</v>
      </c>
    </row>
    <row r="28" spans="1:6" x14ac:dyDescent="0.15">
      <c r="A28" t="s">
        <v>106</v>
      </c>
    </row>
    <row r="30" spans="1:6" x14ac:dyDescent="0.15">
      <c r="B30" t="s">
        <v>98</v>
      </c>
    </row>
    <row r="31" spans="1:6" x14ac:dyDescent="0.15">
      <c r="B31" t="s">
        <v>100</v>
      </c>
    </row>
    <row r="32" spans="1:6" x14ac:dyDescent="0.15">
      <c r="B32" t="s">
        <v>102</v>
      </c>
    </row>
    <row r="33" spans="1:2" x14ac:dyDescent="0.15">
      <c r="B33" t="s">
        <v>93</v>
      </c>
    </row>
    <row r="34" spans="1:2" x14ac:dyDescent="0.15">
      <c r="B34" t="s">
        <v>104</v>
      </c>
    </row>
    <row r="37" spans="1:2" x14ac:dyDescent="0.15">
      <c r="A37" t="s">
        <v>107</v>
      </c>
    </row>
    <row r="39" spans="1:2" x14ac:dyDescent="0.15">
      <c r="B39" t="s">
        <v>97</v>
      </c>
    </row>
    <row r="40" spans="1:2" x14ac:dyDescent="0.15">
      <c r="B40" t="s">
        <v>99</v>
      </c>
    </row>
    <row r="41" spans="1:2" x14ac:dyDescent="0.15">
      <c r="B41" t="s">
        <v>101</v>
      </c>
    </row>
    <row r="42" spans="1:2" x14ac:dyDescent="0.15">
      <c r="B42" t="s">
        <v>92</v>
      </c>
    </row>
    <row r="43" spans="1:2" x14ac:dyDescent="0.15">
      <c r="B43" t="s">
        <v>103</v>
      </c>
    </row>
    <row r="46" spans="1:2" x14ac:dyDescent="0.15">
      <c r="A46" t="s">
        <v>108</v>
      </c>
    </row>
    <row r="48" spans="1:2" x14ac:dyDescent="0.15">
      <c r="B48" t="s">
        <v>97</v>
      </c>
    </row>
    <row r="49" spans="1:2" x14ac:dyDescent="0.15">
      <c r="B49" t="s">
        <v>99</v>
      </c>
    </row>
    <row r="50" spans="1:2" x14ac:dyDescent="0.15">
      <c r="B50" t="s">
        <v>101</v>
      </c>
    </row>
    <row r="51" spans="1:2" x14ac:dyDescent="0.15">
      <c r="B51" t="s">
        <v>92</v>
      </c>
    </row>
    <row r="52" spans="1:2" x14ac:dyDescent="0.15">
      <c r="B52" t="s">
        <v>103</v>
      </c>
    </row>
    <row r="55" spans="1:2" x14ac:dyDescent="0.15">
      <c r="A55" t="s">
        <v>109</v>
      </c>
    </row>
    <row r="57" spans="1:2" x14ac:dyDescent="0.15">
      <c r="B57" t="s">
        <v>111</v>
      </c>
    </row>
    <row r="58" spans="1:2" x14ac:dyDescent="0.15">
      <c r="B58" t="s">
        <v>99</v>
      </c>
    </row>
    <row r="59" spans="1:2" x14ac:dyDescent="0.15">
      <c r="B59" t="s">
        <v>101</v>
      </c>
    </row>
    <row r="60" spans="1:2" x14ac:dyDescent="0.15">
      <c r="B60" t="s">
        <v>92</v>
      </c>
    </row>
    <row r="61" spans="1:2" x14ac:dyDescent="0.15">
      <c r="B61" t="s">
        <v>103</v>
      </c>
    </row>
    <row r="62" spans="1:2" x14ac:dyDescent="0.15">
      <c r="B62" t="s">
        <v>94</v>
      </c>
    </row>
    <row r="63" spans="1:2" x14ac:dyDescent="0.15">
      <c r="B63" t="s">
        <v>116</v>
      </c>
    </row>
    <row r="64" spans="1:2" x14ac:dyDescent="0.15">
      <c r="B64" t="s">
        <v>95</v>
      </c>
    </row>
    <row r="65" spans="1:2" x14ac:dyDescent="0.15">
      <c r="B65" t="s">
        <v>47</v>
      </c>
    </row>
    <row r="66" spans="1:2" x14ac:dyDescent="0.15">
      <c r="B66" t="s">
        <v>48</v>
      </c>
    </row>
    <row r="67" spans="1:2" x14ac:dyDescent="0.15">
      <c r="B67" t="s">
        <v>49</v>
      </c>
    </row>
    <row r="68" spans="1:2" x14ac:dyDescent="0.15">
      <c r="B68" t="s">
        <v>51</v>
      </c>
    </row>
    <row r="71" spans="1:2" x14ac:dyDescent="0.15">
      <c r="A71" t="s">
        <v>110</v>
      </c>
    </row>
    <row r="73" spans="1:2" x14ac:dyDescent="0.15">
      <c r="B73" t="s">
        <v>114</v>
      </c>
    </row>
    <row r="74" spans="1:2" x14ac:dyDescent="0.15">
      <c r="B74" t="s">
        <v>99</v>
      </c>
    </row>
    <row r="75" spans="1:2" x14ac:dyDescent="0.15">
      <c r="B75" t="s">
        <v>101</v>
      </c>
    </row>
    <row r="76" spans="1:2" x14ac:dyDescent="0.15">
      <c r="B76" t="s">
        <v>92</v>
      </c>
    </row>
    <row r="77" spans="1:2" x14ac:dyDescent="0.15">
      <c r="B77" t="s">
        <v>103</v>
      </c>
    </row>
    <row r="78" spans="1:2" x14ac:dyDescent="0.15">
      <c r="B78" t="s">
        <v>94</v>
      </c>
    </row>
    <row r="79" spans="1:2" x14ac:dyDescent="0.15">
      <c r="B79" t="s">
        <v>116</v>
      </c>
    </row>
  </sheetData>
  <phoneticPr fontId="2"/>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5D3168BFA3257B4E964E869E529D431B" ma:contentTypeVersion="15" ma:contentTypeDescription="新しいドキュメントを作成します。" ma:contentTypeScope="" ma:versionID="45a5dbc8b746dac4fdc890d4e6b29151">
  <xsd:schema xmlns:xsd="http://www.w3.org/2001/XMLSchema" xmlns:xs="http://www.w3.org/2001/XMLSchema" xmlns:p="http://schemas.microsoft.com/office/2006/metadata/properties" xmlns:ns2="8d20cc7b-431d-4ab5-a54b-24925921ebff" xmlns:ns3="263dbbe5-076b-4606-a03b-9598f5f2f35a" targetNamespace="http://schemas.microsoft.com/office/2006/metadata/properties" ma:root="true" ma:fieldsID="ca69760697946619dd25423a0cbf7403" ns2:_="" ns3:_="">
    <xsd:import namespace="8d20cc7b-431d-4ab5-a54b-24925921ebff"/>
    <xsd:import namespace="263dbbe5-076b-4606-a03b-9598f5f2f35a"/>
    <xsd:element name="properties">
      <xsd:complexType>
        <xsd:sequence>
          <xsd:element name="documentManagement">
            <xsd:complexType>
              <xsd:all>
                <xsd:element ref="ns2:Owner" minOccurs="0"/>
                <xsd:element ref="ns2:MediaServiceMetadata" minOccurs="0"/>
                <xsd:element ref="ns2:MediaServiceFastMetadata" minOccurs="0"/>
                <xsd:element ref="ns2:MediaServiceSearchProperties" minOccurs="0"/>
                <xsd:element ref="ns2:MediaServiceObjectDetectorVersions" minOccurs="0"/>
                <xsd:element ref="ns2:lcf76f155ced4ddcb4097134ff3c332f" minOccurs="0"/>
                <xsd:element ref="ns3:TaxCatchAll" minOccurs="0"/>
                <xsd:element ref="ns2:MediaServiceDateTaken" minOccurs="0"/>
                <xsd:element ref="ns2:MediaServiceOCR" minOccurs="0"/>
                <xsd:element ref="ns2:MediaServiceGenerationTime" minOccurs="0"/>
                <xsd:element ref="ns2:MediaServiceEventHashCode" minOccurs="0"/>
                <xsd:element ref="ns2:MediaLengthInSeconds" minOccurs="0"/>
                <xsd:element ref="ns2:MediaServiceLocation" minOccurs="0"/>
                <xsd:element ref="ns2:MediaServiceBilling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d20cc7b-431d-4ab5-a54b-24925921ebff" elementFormDefault="qualified">
    <xsd:import namespace="http://schemas.microsoft.com/office/2006/documentManagement/types"/>
    <xsd:import namespace="http://schemas.microsoft.com/office/infopath/2007/PartnerControls"/>
    <xsd:element name="Owner" ma:index="8" nillable="true" ma:displayName="所有者" ma:internalName="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SearchProperties" ma:index="11" nillable="true" ma:displayName="MediaServiceSearchProperties" ma:hidden="true" ma:internalName="MediaServiceSearchProperties"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lcf76f155ced4ddcb4097134ff3c332f" ma:index="14" nillable="true" ma:taxonomy="true" ma:internalName="lcf76f155ced4ddcb4097134ff3c332f" ma:taxonomyFieldName="MediaServiceImageTags" ma:displayName="画像タグ" ma:readOnly="false" ma:fieldId="{5cf76f15-5ced-4ddc-b409-7134ff3c332f}" ma:taxonomyMulti="true" ma:sspId="0347f584-7be2-4218-8e94-402d99aedf0b" ma:termSetId="09814cd3-568e-fe90-9814-8d621ff8fb84" ma:anchorId="fba54fb3-c3e1-fe81-a776-ca4b69148c4d" ma:open="true" ma:isKeyword="false">
      <xsd:complexType>
        <xsd:sequence>
          <xsd:element ref="pc:Terms" minOccurs="0" maxOccurs="1"/>
        </xsd:sequence>
      </xsd:complexType>
    </xsd:element>
    <xsd:element name="MediaServiceDateTaken" ma:index="16" nillable="true" ma:displayName="MediaServiceDateTaken" ma:hidden="true" ma:indexed="true" ma:internalName="MediaServiceDateTaken" ma:readOnly="true">
      <xsd:simpleType>
        <xsd:restriction base="dms:Text"/>
      </xsd:simpleType>
    </xsd:element>
    <xsd:element name="MediaServiceOCR" ma:index="17" nillable="true" ma:displayName="Extracted Text" ma:internalName="MediaServiceOCR" ma:readOnly="true">
      <xsd:simpleType>
        <xsd:restriction base="dms:Note">
          <xsd:maxLength value="255"/>
        </xsd:restriction>
      </xsd:simpleType>
    </xsd:element>
    <xsd:element name="MediaServiceGenerationTime" ma:index="18" nillable="true" ma:displayName="MediaServiceGenerationTime" ma:hidden="true" ma:internalName="MediaServiceGenerationTime" ma:readOnly="true">
      <xsd:simpleType>
        <xsd:restriction base="dms:Text"/>
      </xsd:simpleType>
    </xsd:element>
    <xsd:element name="MediaServiceEventHashCode" ma:index="19" nillable="true" ma:displayName="MediaServiceEventHashCode" ma:hidden="true" ma:internalName="MediaServiceEventHashCode" ma:readOnly="true">
      <xsd:simpleType>
        <xsd:restriction base="dms:Text"/>
      </xsd:simpleType>
    </xsd:element>
    <xsd:element name="MediaLengthInSeconds" ma:index="20" nillable="true" ma:displayName="MediaLengthInSeconds" ma:hidden="true" ma:internalName="MediaLengthInSeconds" ma:readOnly="true">
      <xsd:simpleType>
        <xsd:restriction base="dms:Unknown"/>
      </xsd:simpleType>
    </xsd:element>
    <xsd:element name="MediaServiceLocation" ma:index="21" nillable="true" ma:displayName="Location" ma:description="" ma:indexed="true" ma:internalName="MediaServiceLocation" ma:readOnly="true">
      <xsd:simpleType>
        <xsd:restriction base="dms:Text"/>
      </xsd:simpleType>
    </xsd:element>
    <xsd:element name="MediaServiceBillingMetadata" ma:index="22" nillable="true" ma:displayName="MediaServiceBillingMetadata" ma:hidden="true" ma:internalName="MediaServiceBilling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263dbbe5-076b-4606-a03b-9598f5f2f35a" elementFormDefault="qualified">
    <xsd:import namespace="http://schemas.microsoft.com/office/2006/documentManagement/types"/>
    <xsd:import namespace="http://schemas.microsoft.com/office/infopath/2007/PartnerControls"/>
    <xsd:element name="TaxCatchAll" ma:index="15" nillable="true" ma:displayName="Taxonomy Catch All Column" ma:hidden="true" ma:list="{f5e2df5c-de0f-4c31-9cd3-6a90e1578599}" ma:internalName="TaxCatchAll" ma:showField="CatchAllData" ma:web="263dbbe5-076b-4606-a03b-9598f5f2f35a">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Owner xmlns="8d20cc7b-431d-4ab5-a54b-24925921ebff">
      <UserInfo>
        <DisplayName/>
        <AccountId xsi:nil="true"/>
        <AccountType/>
      </UserInfo>
    </Owner>
    <TaxCatchAll xmlns="263dbbe5-076b-4606-a03b-9598f5f2f35a" xsi:nil="true"/>
    <lcf76f155ced4ddcb4097134ff3c332f xmlns="8d20cc7b-431d-4ab5-a54b-24925921ebff">
      <Terms xmlns="http://schemas.microsoft.com/office/infopath/2007/PartnerControls"/>
    </lcf76f155ced4ddcb4097134ff3c332f>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9257A7F6-649D-47D3-8F6B-3B0C9E2A852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d20cc7b-431d-4ab5-a54b-24925921ebff"/>
    <ds:schemaRef ds:uri="263dbbe5-076b-4606-a03b-9598f5f2f35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5D3AFB99-C300-4AFC-A6F7-922E72BC4E8C}">
  <ds:schemaRefs>
    <ds:schemaRef ds:uri="http://www.w3.org/XML/1998/namespace"/>
    <ds:schemaRef ds:uri="http://schemas.microsoft.com/office/2006/metadata/properties"/>
    <ds:schemaRef ds:uri="http://schemas.openxmlformats.org/package/2006/metadata/core-properties"/>
    <ds:schemaRef ds:uri="http://purl.org/dc/dcmitype/"/>
    <ds:schemaRef ds:uri="http://purl.org/dc/terms/"/>
    <ds:schemaRef ds:uri="http://schemas.microsoft.com/office/2006/documentManagement/types"/>
    <ds:schemaRef ds:uri="http://purl.org/dc/elements/1.1/"/>
    <ds:schemaRef ds:uri="http://schemas.microsoft.com/office/infopath/2007/PartnerControls"/>
    <ds:schemaRef ds:uri="263dbbe5-076b-4606-a03b-9598f5f2f35a"/>
    <ds:schemaRef ds:uri="8d20cc7b-431d-4ab5-a54b-24925921ebff"/>
  </ds:schemaRefs>
</ds:datastoreItem>
</file>

<file path=customXml/itemProps3.xml><?xml version="1.0" encoding="utf-8"?>
<ds:datastoreItem xmlns:ds="http://schemas.openxmlformats.org/officeDocument/2006/customXml" ds:itemID="{B8313CD4-FD86-43F6-8D0E-49F98093068F}">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2</vt:i4>
      </vt:variant>
    </vt:vector>
  </HeadingPairs>
  <TitlesOfParts>
    <vt:vector size="6" baseType="lpstr">
      <vt:lpstr>202512_別紙様式第１号（市町村計画））（新）</vt:lpstr>
      <vt:lpstr>202512_別紙様式第２号（都道府県計画））（新）</vt:lpstr>
      <vt:lpstr>（参考）対象施設【市町村計画】</vt:lpstr>
      <vt:lpstr>（参考）対象施設【都道府県計画】</vt:lpstr>
      <vt:lpstr>'202512_別紙様式第１号（市町村計画））（新）'!Print_Area</vt:lpstr>
      <vt:lpstr>'202512_別紙様式第２号（都道府県計画））（新）'!Print_Area</vt:lpstr>
    </vt:vector>
  </TitlesOfParts>
  <Manager/>
  <Company>厚生労働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厚生労働省ネットワークシステム</dc:creator>
  <cp:keywords/>
  <dc:description/>
  <cp:lastModifiedBy>増山　和佳奈</cp:lastModifiedBy>
  <cp:revision/>
  <cp:lastPrinted>2025-11-26T13:56:35Z</cp:lastPrinted>
  <dcterms:created xsi:type="dcterms:W3CDTF">2006-02-06T12:59:08Z</dcterms:created>
  <dcterms:modified xsi:type="dcterms:W3CDTF">2025-12-04T23:41:58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D3168BFA3257B4E964E869E529D431B</vt:lpwstr>
  </property>
  <property fmtid="{D5CDD505-2E9C-101B-9397-08002B2CF9AE}" pid="3" name="MediaServiceImageTags">
    <vt:lpwstr/>
  </property>
</Properties>
</file>